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ore0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package/2006/relationships/meatadata/core-properties" Target="docProps/core0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227"/>
  <workbookPr defaultThemeVersion="124226"/>
  <mc:AlternateContent xmlns:mc="http://schemas.openxmlformats.org/markup-compatibility/2006">
    <mc:Choice Requires="x15">
      <x15ac:absPath xmlns:x15ac="http://schemas.microsoft.com/office/spreadsheetml/2010/11/ac" url="I:\Finance and Property\Accounts\Schools Team\Schools Funding\Website pages\s251\"/>
    </mc:Choice>
  </mc:AlternateContent>
  <xr:revisionPtr revIDLastSave="0" documentId="8_{6458AAC1-8FBB-425F-8C94-E3A91D422CEE}" xr6:coauthVersionLast="47" xr6:coauthVersionMax="47" xr10:uidLastSave="{00000000-0000-0000-0000-000000000000}"/>
  <bookViews>
    <workbookView xWindow="-38400" yWindow="-5060" windowWidth="19200" windowHeight="21000" xr2:uid="{00000000-000D-0000-FFFF-FFFF00000000}"/>
  </bookViews>
  <sheets>
    <sheet name="S251Outturn202223_TAReport" sheetId="1" r:id="rId1"/>
    <sheet name="869_TableA1" sheetId="2" r:id="rId2"/>
  </sheets>
  <calcPr calcId="191029" calcOnSave="0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58" uniqueCount="196">
  <si>
    <t>DEPARTMENT FOR EDUCATION DATA COLLECTION
Year 2022-23
TABLE A: LA Level Information</t>
  </si>
  <si>
    <t/>
  </si>
  <si>
    <t>LA: WEST BERKSHIRE COUNCIL</t>
  </si>
  <si>
    <t>LA No: 869</t>
  </si>
  <si>
    <t>Description</t>
  </si>
  <si>
    <t>Early Years</t>
  </si>
  <si>
    <t>Primaries</t>
  </si>
  <si>
    <t>Secondary</t>
  </si>
  <si>
    <t>SENSpecial</t>
  </si>
  <si>
    <t>APPRU</t>
  </si>
  <si>
    <t>Post School</t>
  </si>
  <si>
    <t>Gross</t>
  </si>
  <si>
    <t>Income</t>
  </si>
  <si>
    <t>Net</t>
  </si>
  <si>
    <t xml:space="preserve">Primary 
</t>
  </si>
  <si>
    <t xml:space="preserve">Secondary 
</t>
  </si>
  <si>
    <t>SEN/Special Schools</t>
  </si>
  <si>
    <t>AP/PRUs</t>
  </si>
  <si>
    <t xml:space="preserve">Post School
</t>
  </si>
  <si>
    <t xml:space="preserve">Gross
</t>
  </si>
  <si>
    <t xml:space="preserve">Net
</t>
  </si>
  <si>
    <t>1 SCHOOLS EXPENDITURE</t>
  </si>
  <si>
    <t>1.0.1 Individual Schools Budget (after academies recoupment), including grant for maintained school sixth forms but excluding all high needs place funding</t>
  </si>
  <si>
    <t>1.0.2 High needs place funding within Individual Schools Budget (after academies recoupment), including all pre- and post-16 place funding for maintained schools</t>
  </si>
  <si>
    <t>DE-DELEGATED ITEMS</t>
  </si>
  <si>
    <t>1.1.1 Contingencies</t>
  </si>
  <si>
    <t>1.1.2 Behaviour support services</t>
  </si>
  <si>
    <t>1.1.3 Support to UPEG and bilingual learners</t>
  </si>
  <si>
    <t>1.1.4 Free school meals eligibility</t>
  </si>
  <si>
    <t>1.1.5 Insurance</t>
  </si>
  <si>
    <t>1.1.6 Museum and Library services</t>
  </si>
  <si>
    <t>1.1.7 Licences/subscriptions</t>
  </si>
  <si>
    <t>1.1.8 Staff costs - supply cover excluding cover for facility time</t>
  </si>
  <si>
    <t>1.1.9 Staff costs - supply cover for facility time</t>
  </si>
  <si>
    <t>HIGH NEEDS EXPENDITURE</t>
  </si>
  <si>
    <t>1.2.1 Top up funding - maintained schools</t>
  </si>
  <si>
    <t>1.2.2 Top-up funding – academies, free schools and colleges</t>
  </si>
  <si>
    <t>1.2.3 Top-up and other funding – non-maintained and independent providers</t>
  </si>
  <si>
    <t>1.2.4 Additional high needs targeted funding for mainstream schools and academies</t>
  </si>
  <si>
    <t>1.2.5 SEN support services</t>
  </si>
  <si>
    <t>1.2.6 Hospital education services</t>
  </si>
  <si>
    <t>1.2.7 Other alternative provision services</t>
  </si>
  <si>
    <t>1.2.8 Support for inclusion</t>
  </si>
  <si>
    <t>1.2.9 Special schools and PRUs in financial difficulty</t>
  </si>
  <si>
    <t>1.2.10 PFI and BSF costs at special schools, AP/ PRUs and Post 16 institutions only</t>
  </si>
  <si>
    <t>1.2.11 Direct payments (SEN and disability)</t>
  </si>
  <si>
    <t>1.2.12 Carbon reduction commitment allowances (PRUs)</t>
  </si>
  <si>
    <t>1.2.13 Therapies and other health related services</t>
  </si>
  <si>
    <t>EARLY YEARS EXPENDITURE</t>
  </si>
  <si>
    <t>1.3.1 Central expenditure on early years entitlement</t>
  </si>
  <si>
    <t>CENTRAL PROVISION WITHIN SCHOOLS SPEND</t>
  </si>
  <si>
    <t>1.4.1 Contribution to combined expenditure</t>
  </si>
  <si>
    <t>1.4.2 School admissions</t>
  </si>
  <si>
    <t>1.4.3 Servicing of schools forums</t>
  </si>
  <si>
    <t>1.4.4 Termination of employment costs</t>
  </si>
  <si>
    <t>1.4.5 Falling Rolls Fund</t>
  </si>
  <si>
    <t>1.4.6 Capital expenditure from revenue (CERA)</t>
  </si>
  <si>
    <t>1.4.7 Prudential borrowing costs</t>
  </si>
  <si>
    <t>1.4.8 Fees to independent schools without SEN</t>
  </si>
  <si>
    <t>1.4.9 Equal pay - back pay</t>
  </si>
  <si>
    <t>1.4.10 Pupil growth</t>
  </si>
  <si>
    <t>1.4.11 SEN transport</t>
  </si>
  <si>
    <t>1.4.12 Exceptions agreed by Secretary of State</t>
  </si>
  <si>
    <t>1.4.13 Infant class sizes</t>
  </si>
  <si>
    <t>1.4.14 Other items</t>
  </si>
  <si>
    <t>CENTRAL PROVISION WITHIN SCHOOLS SPEND (FORMER ESG RETAINED DUTIES)</t>
  </si>
  <si>
    <t>1.5.1 Education welfare service</t>
  </si>
  <si>
    <t>1.5.2 Asset management</t>
  </si>
  <si>
    <t>1.5.3 Statutory/ Regulatory duties</t>
  </si>
  <si>
    <t>CENTRAL PROVISION FUNDED THROUGH MAINTAINED SCHOOLS SPEND</t>
  </si>
  <si>
    <t>1.6.1 Central support services</t>
  </si>
  <si>
    <t>1.6.2 Education welfare service</t>
  </si>
  <si>
    <t>1.6.3 Asset management</t>
  </si>
  <si>
    <t>1.6.4 Statutory/ Regulatory duties</t>
  </si>
  <si>
    <t>1.6.5 Premature retirement cost/ Redundancy costs (new provisions)</t>
  </si>
  <si>
    <t>1.6.6 Monitoring national curriculum assessment</t>
  </si>
  <si>
    <t>1.6.7 School improvement</t>
  </si>
  <si>
    <t>1.7.1 Other Specific Grants</t>
  </si>
  <si>
    <t>1.8.1 TOTAL SCHOOLS EXPENDITURE (after academy recoupment)</t>
  </si>
  <si>
    <t>RECONCILIATION OF SCHOOLS EXPENDITURE</t>
  </si>
  <si>
    <t>1.9.1 Dedicated Schools Grant for 2022-23 (after deductions for academies recoupment and direct funding of high needs places by ESFA)</t>
  </si>
  <si>
    <t>1.9.1a Dedicated Schools Grant in year adjustments</t>
  </si>
  <si>
    <t>1.9.2 Dedicated Schools Grant brought forward from 2021-22 (please show a deficit as a negative)</t>
  </si>
  <si>
    <t>1.9.3 Dedicated Schools Grant carry forward to 2023-24 (please show a deficit as a positive)</t>
  </si>
  <si>
    <t>1.9.4 Grant for maintained school sixth forms</t>
  </si>
  <si>
    <t>1.9.5 Local Authority additional contribution</t>
  </si>
  <si>
    <t>1.9.6 Total funding supporting the Schools Expenditure (lines 1.9.1 to 1.9.5)</t>
  </si>
  <si>
    <t>2 OTHER EDUCATION AND COMMUNITY EXPENDITURE</t>
  </si>
  <si>
    <t>2.0.1 Central support services</t>
  </si>
  <si>
    <t>2.0.2 Education welfare service</t>
  </si>
  <si>
    <t>2.0.3 School improvement</t>
  </si>
  <si>
    <t>2.0.4 Asset management - education</t>
  </si>
  <si>
    <t>2.0.5 Statutory/ Regulatory duties - education</t>
  </si>
  <si>
    <t>2.0.6 Premature retirement cost/ Redundancy costs (new provisions)</t>
  </si>
  <si>
    <t>2.0.7 Monitoring national curriculum assessment</t>
  </si>
  <si>
    <t>2.1.1 Educational psychology service</t>
  </si>
  <si>
    <t>2.1.2 SEN administration, assessment and coordination and monitoring</t>
  </si>
  <si>
    <t>2.1.3 Independent Advice and Support Services (Parent partnership), guidance and information</t>
  </si>
  <si>
    <t>2.1.4 Home to school transport (pre 16): SEN transport expenditure</t>
  </si>
  <si>
    <t>2.1.5 Home to school transport (pre 16): mainstream home to school transport expenditure</t>
  </si>
  <si>
    <t>2.1.6 Home to post-16 provision: SEN/LLDD transport expenditure (aged 16-18)</t>
  </si>
  <si>
    <t>2.1.7 Home to post-16 provision: SEN/LLDD transport expenditure (aged 19-25)</t>
  </si>
  <si>
    <t>2.1.8 Home to post-16 provision transport: mainstream home to post-16 transport expenditure</t>
  </si>
  <si>
    <t>2.1.9 Supply of school places</t>
  </si>
  <si>
    <t>2.2.1 Other spend not funded from the Schools Budget</t>
  </si>
  <si>
    <t>2.3.1 Young people's learning and development</t>
  </si>
  <si>
    <t>2.3.2 Adult and Community learning</t>
  </si>
  <si>
    <t>2.3.3 Pension costs</t>
  </si>
  <si>
    <t>2.3.4 Joint use arrangements</t>
  </si>
  <si>
    <t>2.3.5 Insurance</t>
  </si>
  <si>
    <t>2.4.1 Other Specific Grant</t>
  </si>
  <si>
    <t>2.4.2 Capital Expenditure from Revenue (CERA) (Non-schools budget functions)</t>
  </si>
  <si>
    <t>2.4.3 Total Other education and community expenditure</t>
  </si>
  <si>
    <t>2.5 CAPITAL</t>
  </si>
  <si>
    <t>2.5.1 Capital Expenditure (excluding CERA)</t>
  </si>
  <si>
    <t>DSG Planned Expenditure</t>
  </si>
  <si>
    <t>DSG Block</t>
  </si>
  <si>
    <t>Allocated DSG funding</t>
  </si>
  <si>
    <t>Expenditure</t>
  </si>
  <si>
    <t>Net expenditure</t>
  </si>
  <si>
    <t>Schools (after academies recoupment)</t>
  </si>
  <si>
    <t>Central School Services</t>
  </si>
  <si>
    <t>High Needs (after deductions for academies recoupment and direct funding of high needs places by ESFA)</t>
  </si>
  <si>
    <t>DSG Block Total Line</t>
  </si>
  <si>
    <t>DEPARTMENT FOR EDUCATION S251 OUTTURN DATA COLLECTION</t>
  </si>
  <si>
    <t>LA Name: WEST BERKSHIRE COUNCIL</t>
  </si>
  <si>
    <t>Year 2022-23</t>
  </si>
  <si>
    <t>Table A1 - CHILDREN'S AND YOUNG PEOPLE'S SERVICES</t>
  </si>
  <si>
    <t>CHILDREN'S AND YOUNG PEOPLE'S SERVICES</t>
  </si>
  <si>
    <t>PROVISION BY OTHERS</t>
  </si>
  <si>
    <t>OWN
PROVISION</t>
  </si>
  <si>
    <t>PRIVATE</t>
  </si>
  <si>
    <t>OTHER
PUBLIC</t>
  </si>
  <si>
    <t>VOLUNTARY</t>
  </si>
  <si>
    <t>TOTAL
EXPENDITURE</t>
  </si>
  <si>
    <t>INCOME</t>
  </si>
  <si>
    <t>NET Current
Expenditure</t>
  </si>
  <si>
    <t xml:space="preserve">Govt. Grants
Inside AEF </t>
  </si>
  <si>
    <t>Govt. Grants
Outside AEF</t>
  </si>
  <si>
    <t>LEA NET
Revenue
Expenditure</t>
  </si>
  <si>
    <t>(a)</t>
  </si>
  <si>
    <t>(b)</t>
  </si>
  <si>
    <t>(c)</t>
  </si>
  <si>
    <t>(d)</t>
  </si>
  <si>
    <t>(k)</t>
  </si>
  <si>
    <t>(l)</t>
  </si>
  <si>
    <t>(m)</t>
  </si>
  <si>
    <t>(n)</t>
  </si>
  <si>
    <t>(o)</t>
  </si>
  <si>
    <t>(q)</t>
  </si>
  <si>
    <t>SURE START CHILDREN'S CENTRES AND OTHER SPEND ON CHILDREN UNDER 5</t>
  </si>
  <si>
    <t>3.0.1 Spend on individual Sure Start Children's Centres</t>
  </si>
  <si>
    <t>3.0.2 Spend for local authority provided or commissioned area wide services delivered through Sure Start Children's Centres</t>
  </si>
  <si>
    <t>3.0.3 Spend on local authority management costs relating to Sure Start Children's Centres</t>
  </si>
  <si>
    <t>3.0.4 Other spend on children under 5</t>
  </si>
  <si>
    <t>3.0.5 Total Sure Start children's centres and other spend on children under 5</t>
  </si>
  <si>
    <t>CHILDREN LOOKED AFTER</t>
  </si>
  <si>
    <t>3.1.1 Residential care</t>
  </si>
  <si>
    <t>3.1.2a Fostering services (excluding fees and allowances for LA foster carers)</t>
  </si>
  <si>
    <t>3.1.2b Fostering services (fees and allowances for LA foster carers)</t>
  </si>
  <si>
    <t>3.1.3 Adoption services</t>
  </si>
  <si>
    <t>3.1.4 Special guardianship support</t>
  </si>
  <si>
    <t>3.1.5 Other children looked after services</t>
  </si>
  <si>
    <t>3.1.6 Short breaks (respite) for looked after disabled children</t>
  </si>
  <si>
    <t>3.1.7 Children placed with family and friends</t>
  </si>
  <si>
    <t>3.1.8 Education of looked after children</t>
  </si>
  <si>
    <t>3.1.9 Leaving care support services</t>
  </si>
  <si>
    <t>3.1.10 Asylum seeker services - children</t>
  </si>
  <si>
    <t>3.1.11 Total Children Looked After</t>
  </si>
  <si>
    <t>OTHER CHILDREN AND FAMILY SERVICES</t>
  </si>
  <si>
    <t>3.2.1 Other children and families services</t>
  </si>
  <si>
    <t>SAFEGUARDING CHILDREN AND YOUNG PEOPLE'S SERVICES</t>
  </si>
  <si>
    <t>3.3.1 Social work (including LA functions in relation to child protection)</t>
  </si>
  <si>
    <t>3.3.2 Commissioning and Children's Services Strategy</t>
  </si>
  <si>
    <t>3.3.3 Local Safeguarding Children Board</t>
  </si>
  <si>
    <t>3.3.4 Total Safeguarding Children and Young People's Services</t>
  </si>
  <si>
    <t>FAMILY SUPPORT SERVICES</t>
  </si>
  <si>
    <t>3.4.1 Direct payments</t>
  </si>
  <si>
    <t>3.4.2 Short breaks (respite) for disabled children</t>
  </si>
  <si>
    <t>3.4.3 Other support for disabled children</t>
  </si>
  <si>
    <t>3.4.4 Targeted family support</t>
  </si>
  <si>
    <t>3.4.5 Universal family support</t>
  </si>
  <si>
    <t>3.4.6 Total Family Support Services</t>
  </si>
  <si>
    <t>SERVICES FOR YOUNG PEOPLE</t>
  </si>
  <si>
    <t>3.5.1 Universal services for young people</t>
  </si>
  <si>
    <t>3.5.2 Targeted services for young people</t>
  </si>
  <si>
    <t>3.5.3 Total Services for young people</t>
  </si>
  <si>
    <t>YOUTH JUSTICE</t>
  </si>
  <si>
    <t>3.6.1 Youth justice</t>
  </si>
  <si>
    <t>4.0.1 Capital Expenditure from Revenue (CERA) (Children's and young people services)</t>
  </si>
  <si>
    <t>5.0.2 Total Children and Young People's Services Expenditure (excluding CERA)</t>
  </si>
  <si>
    <t>5.0.3 Total Children and Young People's Services Expenditure (including CERA)</t>
  </si>
  <si>
    <t>MEMORANDUM ITEMS</t>
  </si>
  <si>
    <t>8 Services for young people</t>
  </si>
  <si>
    <t>8a.1 Substance misuse services (Drugs, Alcohol and Volatile substances) (included in 3.5.1 and 3.5.2 above)</t>
  </si>
  <si>
    <t>8a.2 Teenage pregnancy services (included in 3.5.1 and 3.5.2 above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[$-10809]\£#,##0.00"/>
  </numFmts>
  <fonts count="8" x14ac:knownFonts="1">
    <font>
      <sz val="11"/>
      <color rgb="FF000000"/>
      <name val="Calibri"/>
      <family val="2"/>
      <scheme val="minor"/>
    </font>
    <font>
      <sz val="11"/>
      <name val="Calibri"/>
      <family val="2"/>
    </font>
    <font>
      <sz val="11"/>
      <color rgb="FF000000"/>
      <name val="Arial"/>
      <family val="2"/>
    </font>
    <font>
      <b/>
      <sz val="11"/>
      <color rgb="FF000000"/>
      <name val="Arial"/>
      <family val="2"/>
    </font>
    <font>
      <b/>
      <sz val="11"/>
      <color rgb="FFFFFFFF"/>
      <name val="Arial"/>
      <family val="2"/>
    </font>
    <font>
      <b/>
      <sz val="10"/>
      <color rgb="FF000000"/>
      <name val="Arial"/>
      <family val="2"/>
    </font>
    <font>
      <sz val="10"/>
      <color rgb="FF000000"/>
      <name val="Arial"/>
      <family val="2"/>
    </font>
    <font>
      <sz val="10"/>
      <color rgb="FF000000"/>
      <name val="Tahoma"/>
      <family val="2"/>
    </font>
  </fonts>
  <fills count="3">
    <fill>
      <patternFill patternType="none"/>
    </fill>
    <fill>
      <patternFill patternType="gray125"/>
    </fill>
    <fill>
      <patternFill patternType="solid">
        <fgColor rgb="FF4682B4"/>
        <bgColor rgb="FF4682B4"/>
      </patternFill>
    </fill>
  </fills>
  <borders count="8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D3D3D3"/>
      </left>
      <right style="thin">
        <color rgb="FFD3D3D3"/>
      </right>
      <top style="thin">
        <color rgb="FFD3D3D3"/>
      </top>
      <bottom style="thin">
        <color rgb="FFD3D3D3"/>
      </bottom>
      <diagonal/>
    </border>
    <border>
      <left/>
      <right style="thin">
        <color rgb="FFD3D3D3"/>
      </right>
      <top style="thin">
        <color rgb="FFD3D3D3"/>
      </top>
      <bottom style="thin">
        <color rgb="FFD3D3D3"/>
      </bottom>
      <diagonal/>
    </border>
    <border>
      <left style="thin">
        <color rgb="FFD3D3D3"/>
      </left>
      <right style="thin">
        <color rgb="FFD3D3D3"/>
      </right>
      <top style="thin">
        <color rgb="FFD3D3D3"/>
      </top>
      <bottom/>
      <diagonal/>
    </border>
    <border>
      <left/>
      <right/>
      <top style="thin">
        <color rgb="FFD3D3D3"/>
      </top>
      <bottom style="thin">
        <color rgb="FFD3D3D3"/>
      </bottom>
      <diagonal/>
    </border>
    <border>
      <left style="thin">
        <color rgb="FFD3D3D3"/>
      </left>
      <right style="thin">
        <color rgb="FFD3D3D3"/>
      </right>
      <top/>
      <bottom/>
      <diagonal/>
    </border>
    <border>
      <left style="thin">
        <color rgb="FFD3D3D3"/>
      </left>
      <right style="thin">
        <color rgb="FFD3D3D3"/>
      </right>
      <top/>
      <bottom style="thin">
        <color rgb="FFD3D3D3"/>
      </bottom>
      <diagonal/>
    </border>
  </borders>
  <cellStyleXfs count="1">
    <xf numFmtId="0" fontId="0" fillId="0" borderId="0"/>
  </cellStyleXfs>
  <cellXfs count="37">
    <xf numFmtId="0" fontId="1" fillId="0" borderId="0" xfId="0" applyFont="1"/>
    <xf numFmtId="0" fontId="2" fillId="0" borderId="1" xfId="0" applyFont="1" applyBorder="1" applyAlignment="1">
      <alignment vertical="top" wrapText="1" readingOrder="1"/>
    </xf>
    <xf numFmtId="0" fontId="3" fillId="0" borderId="0" xfId="0" applyFont="1" applyAlignment="1">
      <alignment horizontal="center" vertical="top" wrapText="1" readingOrder="1"/>
    </xf>
    <xf numFmtId="0" fontId="2" fillId="0" borderId="0" xfId="0" applyFont="1" applyAlignment="1">
      <alignment horizontal="center" vertical="top" wrapText="1" readingOrder="1"/>
    </xf>
    <xf numFmtId="0" fontId="2" fillId="0" borderId="0" xfId="0" applyFont="1" applyAlignment="1">
      <alignment horizontal="left" vertical="top" wrapText="1" readingOrder="1"/>
    </xf>
    <xf numFmtId="0" fontId="4" fillId="0" borderId="0" xfId="0" applyFont="1" applyAlignment="1">
      <alignment vertical="top" wrapText="1" readingOrder="1"/>
    </xf>
    <xf numFmtId="0" fontId="4" fillId="0" borderId="0" xfId="0" applyFont="1" applyAlignment="1">
      <alignment horizontal="center" vertical="top" wrapText="1" readingOrder="1"/>
    </xf>
    <xf numFmtId="0" fontId="4" fillId="2" borderId="2" xfId="0" applyFont="1" applyFill="1" applyBorder="1" applyAlignment="1">
      <alignment vertical="top" wrapText="1" readingOrder="1"/>
    </xf>
    <xf numFmtId="0" fontId="4" fillId="2" borderId="2" xfId="0" applyFont="1" applyFill="1" applyBorder="1" applyAlignment="1">
      <alignment horizontal="center" vertical="top" wrapText="1" readingOrder="1"/>
    </xf>
    <xf numFmtId="0" fontId="5" fillId="0" borderId="2" xfId="0" applyFont="1" applyBorder="1" applyAlignment="1">
      <alignment wrapText="1" readingOrder="1"/>
    </xf>
    <xf numFmtId="0" fontId="6" fillId="0" borderId="2" xfId="0" applyFont="1" applyBorder="1" applyAlignment="1">
      <alignment horizontal="right" wrapText="1" readingOrder="1"/>
    </xf>
    <xf numFmtId="0" fontId="7" fillId="0" borderId="2" xfId="0" applyFont="1" applyBorder="1" applyAlignment="1">
      <alignment horizontal="right" wrapText="1" readingOrder="1"/>
    </xf>
    <xf numFmtId="0" fontId="6" fillId="0" borderId="2" xfId="0" applyFont="1" applyBorder="1" applyAlignment="1">
      <alignment vertical="top" wrapText="1" readingOrder="1"/>
    </xf>
    <xf numFmtId="164" fontId="6" fillId="0" borderId="2" xfId="0" applyNumberFormat="1" applyFont="1" applyBorder="1" applyAlignment="1">
      <alignment horizontal="right" vertical="top" wrapText="1" readingOrder="1"/>
    </xf>
    <xf numFmtId="0" fontId="6" fillId="0" borderId="2" xfId="0" applyFont="1" applyBorder="1" applyAlignment="1">
      <alignment horizontal="right" vertical="top" wrapText="1" readingOrder="1"/>
    </xf>
    <xf numFmtId="164" fontId="7" fillId="0" borderId="2" xfId="0" applyNumberFormat="1" applyFont="1" applyBorder="1" applyAlignment="1">
      <alignment horizontal="right" vertical="top" wrapText="1" readingOrder="1"/>
    </xf>
    <xf numFmtId="0" fontId="7" fillId="0" borderId="2" xfId="0" applyFont="1" applyBorder="1" applyAlignment="1">
      <alignment horizontal="right" vertical="top" wrapText="1" readingOrder="1"/>
    </xf>
    <xf numFmtId="0" fontId="5" fillId="0" borderId="2" xfId="0" applyFont="1" applyBorder="1" applyAlignment="1">
      <alignment vertical="center" wrapText="1" readingOrder="1"/>
    </xf>
    <xf numFmtId="164" fontId="6" fillId="0" borderId="2" xfId="0" applyNumberFormat="1" applyFont="1" applyBorder="1" applyAlignment="1">
      <alignment horizontal="right" vertical="center" wrapText="1" readingOrder="1"/>
    </xf>
    <xf numFmtId="164" fontId="6" fillId="0" borderId="2" xfId="0" applyNumberFormat="1" applyFont="1" applyBorder="1" applyAlignment="1">
      <alignment horizontal="right" vertical="center" wrapText="1" readingOrder="1"/>
    </xf>
    <xf numFmtId="0" fontId="1" fillId="0" borderId="3" xfId="0" applyFont="1" applyBorder="1" applyAlignment="1">
      <alignment vertical="top" wrapText="1"/>
    </xf>
    <xf numFmtId="0" fontId="2" fillId="0" borderId="0" xfId="0" applyFont="1" applyAlignment="1">
      <alignment horizontal="left" vertical="top" wrapText="1" readingOrder="1"/>
    </xf>
    <xf numFmtId="0" fontId="1" fillId="0" borderId="0" xfId="0" applyFont="1"/>
    <xf numFmtId="0" fontId="4" fillId="2" borderId="2" xfId="0" applyFont="1" applyFill="1" applyBorder="1" applyAlignment="1">
      <alignment vertical="top" wrapText="1" readingOrder="1"/>
    </xf>
    <xf numFmtId="0" fontId="3" fillId="0" borderId="0" xfId="0" applyFont="1" applyAlignment="1">
      <alignment vertical="top" wrapText="1" readingOrder="1"/>
    </xf>
    <xf numFmtId="0" fontId="5" fillId="0" borderId="0" xfId="0" applyFont="1" applyAlignment="1">
      <alignment vertical="top" wrapText="1" readingOrder="1"/>
    </xf>
    <xf numFmtId="0" fontId="5" fillId="0" borderId="4" xfId="0" applyFont="1" applyBorder="1" applyAlignment="1">
      <alignment vertical="top" wrapText="1" readingOrder="1"/>
    </xf>
    <xf numFmtId="0" fontId="4" fillId="2" borderId="4" xfId="0" applyFont="1" applyFill="1" applyBorder="1" applyAlignment="1">
      <alignment horizontal="center" vertical="top" wrapText="1" readingOrder="1"/>
    </xf>
    <xf numFmtId="0" fontId="4" fillId="2" borderId="2" xfId="0" applyFont="1" applyFill="1" applyBorder="1" applyAlignment="1">
      <alignment horizontal="center" vertical="top" wrapText="1" readingOrder="1"/>
    </xf>
    <xf numFmtId="0" fontId="1" fillId="0" borderId="5" xfId="0" applyFont="1" applyBorder="1" applyAlignment="1">
      <alignment vertical="top" wrapText="1"/>
    </xf>
    <xf numFmtId="0" fontId="5" fillId="0" borderId="6" xfId="0" applyFont="1" applyBorder="1" applyAlignment="1">
      <alignment wrapText="1" readingOrder="1"/>
    </xf>
    <xf numFmtId="0" fontId="4" fillId="2" borderId="7" xfId="0" applyFont="1" applyFill="1" applyBorder="1" applyAlignment="1">
      <alignment horizontal="center" vertical="top" wrapText="1" readingOrder="1"/>
    </xf>
    <xf numFmtId="0" fontId="6" fillId="0" borderId="7" xfId="0" applyFont="1" applyBorder="1" applyAlignment="1">
      <alignment vertical="top" wrapText="1" readingOrder="1"/>
    </xf>
    <xf numFmtId="0" fontId="6" fillId="0" borderId="2" xfId="0" applyFont="1" applyBorder="1" applyAlignment="1">
      <alignment horizontal="right" vertical="center" wrapText="1" readingOrder="1"/>
    </xf>
    <xf numFmtId="0" fontId="7" fillId="0" borderId="2" xfId="0" applyFont="1" applyBorder="1" applyAlignment="1">
      <alignment horizontal="right" vertical="center" wrapText="1" readingOrder="1"/>
    </xf>
    <xf numFmtId="0" fontId="6" fillId="0" borderId="2" xfId="0" applyFont="1" applyBorder="1" applyAlignment="1">
      <alignment vertical="center" wrapText="1" readingOrder="1"/>
    </xf>
    <xf numFmtId="164" fontId="7" fillId="0" borderId="2" xfId="0" applyNumberFormat="1" applyFont="1" applyBorder="1" applyAlignment="1">
      <alignment horizontal="right" vertical="center" wrapText="1" readingOrder="1"/>
    </xf>
  </cellXfs>
  <cellStyles count="1">
    <cellStyle name="Normal" xfId="0" builtinId="0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D3D3D3"/>
      <rgbColor rgb="00FFFFFF"/>
      <rgbColor rgb="004682B4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J105"/>
  <sheetViews>
    <sheetView showGridLines="0" tabSelected="1" topLeftCell="B1" workbookViewId="0">
      <selection activeCell="L5" sqref="L5"/>
    </sheetView>
  </sheetViews>
  <sheetFormatPr defaultRowHeight="14.4" x14ac:dyDescent="0.3"/>
  <cols>
    <col min="1" max="1" width="75.5546875" customWidth="1"/>
    <col min="2" max="2" width="13.44140625" customWidth="1"/>
    <col min="3" max="3" width="13.5546875" customWidth="1"/>
    <col min="4" max="4" width="13.77734375" bestFit="1" customWidth="1"/>
    <col min="5" max="5" width="13.44140625" customWidth="1"/>
    <col min="6" max="6" width="13.5546875" customWidth="1"/>
    <col min="7" max="7" width="13.44140625" customWidth="1"/>
    <col min="8" max="8" width="14.88671875" bestFit="1" customWidth="1"/>
    <col min="9" max="9" width="13.5546875" customWidth="1"/>
    <col min="10" max="10" width="15.5546875" customWidth="1"/>
    <col min="11" max="11" width="0" hidden="1" customWidth="1"/>
    <col min="12" max="12" width="40.44140625" customWidth="1"/>
  </cols>
  <sheetData>
    <row r="1" spans="1:10" ht="41.4" x14ac:dyDescent="0.3">
      <c r="A1" s="1" t="s">
        <v>0</v>
      </c>
      <c r="B1" s="2" t="s">
        <v>1</v>
      </c>
      <c r="C1" s="3" t="s">
        <v>1</v>
      </c>
      <c r="D1" s="21" t="s">
        <v>2</v>
      </c>
      <c r="E1" s="22"/>
      <c r="F1" s="22"/>
      <c r="G1" s="3" t="s">
        <v>1</v>
      </c>
      <c r="H1" s="3" t="s">
        <v>1</v>
      </c>
      <c r="I1" s="4" t="s">
        <v>3</v>
      </c>
      <c r="J1" s="2" t="s">
        <v>1</v>
      </c>
    </row>
    <row r="2" spans="1:10" x14ac:dyDescent="0.3">
      <c r="A2" s="5" t="s">
        <v>4</v>
      </c>
      <c r="B2" s="6" t="s">
        <v>5</v>
      </c>
      <c r="C2" s="6" t="s">
        <v>6</v>
      </c>
      <c r="D2" s="6" t="s">
        <v>7</v>
      </c>
      <c r="E2" s="6" t="s">
        <v>8</v>
      </c>
      <c r="F2" s="6" t="s">
        <v>9</v>
      </c>
      <c r="G2" s="6" t="s">
        <v>10</v>
      </c>
      <c r="H2" s="6" t="s">
        <v>11</v>
      </c>
      <c r="I2" s="6" t="s">
        <v>12</v>
      </c>
      <c r="J2" s="6" t="s">
        <v>13</v>
      </c>
    </row>
    <row r="3" spans="1:10" ht="55.2" x14ac:dyDescent="0.3">
      <c r="A3" s="7" t="s">
        <v>4</v>
      </c>
      <c r="B3" s="8" t="s">
        <v>5</v>
      </c>
      <c r="C3" s="8" t="s">
        <v>14</v>
      </c>
      <c r="D3" s="8" t="s">
        <v>15</v>
      </c>
      <c r="E3" s="8" t="s">
        <v>16</v>
      </c>
      <c r="F3" s="8" t="s">
        <v>17</v>
      </c>
      <c r="G3" s="8" t="s">
        <v>18</v>
      </c>
      <c r="H3" s="8" t="s">
        <v>19</v>
      </c>
      <c r="I3" s="8" t="s">
        <v>12</v>
      </c>
      <c r="J3" s="8" t="s">
        <v>20</v>
      </c>
    </row>
    <row r="4" spans="1:10" x14ac:dyDescent="0.3">
      <c r="A4" s="9" t="s">
        <v>21</v>
      </c>
      <c r="B4" s="10" t="s">
        <v>1</v>
      </c>
      <c r="C4" s="10" t="s">
        <v>1</v>
      </c>
      <c r="D4" s="10" t="s">
        <v>1</v>
      </c>
      <c r="E4" s="10" t="s">
        <v>1</v>
      </c>
      <c r="F4" s="10" t="s">
        <v>1</v>
      </c>
      <c r="G4" s="10" t="s">
        <v>1</v>
      </c>
      <c r="H4" s="11" t="s">
        <v>1</v>
      </c>
      <c r="I4" s="10" t="s">
        <v>1</v>
      </c>
      <c r="J4" s="11" t="s">
        <v>1</v>
      </c>
    </row>
    <row r="5" spans="1:10" ht="26.4" x14ac:dyDescent="0.3">
      <c r="A5" s="12" t="s">
        <v>22</v>
      </c>
      <c r="B5" s="13">
        <v>9649400.5800000001</v>
      </c>
      <c r="C5" s="13">
        <v>53182170.020000003</v>
      </c>
      <c r="D5" s="13">
        <v>23650895.48</v>
      </c>
      <c r="E5" s="14"/>
      <c r="F5" s="14"/>
      <c r="G5" s="14"/>
      <c r="H5" s="15">
        <v>86482466.079999998</v>
      </c>
      <c r="I5" s="14"/>
      <c r="J5" s="15">
        <v>86482466.079999998</v>
      </c>
    </row>
    <row r="6" spans="1:10" ht="26.4" x14ac:dyDescent="0.3">
      <c r="A6" s="12" t="s">
        <v>23</v>
      </c>
      <c r="B6" s="13">
        <v>0</v>
      </c>
      <c r="C6" s="13">
        <v>222000</v>
      </c>
      <c r="D6" s="13">
        <v>0</v>
      </c>
      <c r="E6" s="13">
        <v>3650000</v>
      </c>
      <c r="F6" s="13">
        <v>660000</v>
      </c>
      <c r="G6" s="14"/>
      <c r="H6" s="15">
        <v>4532000</v>
      </c>
      <c r="I6" s="14"/>
      <c r="J6" s="15">
        <v>4532000</v>
      </c>
    </row>
    <row r="7" spans="1:10" x14ac:dyDescent="0.3">
      <c r="A7" s="9" t="s">
        <v>24</v>
      </c>
      <c r="B7" s="14" t="s">
        <v>1</v>
      </c>
      <c r="C7" s="14" t="s">
        <v>1</v>
      </c>
      <c r="D7" s="14" t="s">
        <v>1</v>
      </c>
      <c r="E7" s="14" t="s">
        <v>1</v>
      </c>
      <c r="F7" s="14" t="s">
        <v>1</v>
      </c>
      <c r="G7" s="14" t="s">
        <v>1</v>
      </c>
      <c r="H7" s="16" t="s">
        <v>1</v>
      </c>
      <c r="I7" s="14" t="s">
        <v>1</v>
      </c>
      <c r="J7" s="16" t="s">
        <v>1</v>
      </c>
    </row>
    <row r="8" spans="1:10" x14ac:dyDescent="0.3">
      <c r="A8" s="12" t="s">
        <v>25</v>
      </c>
      <c r="B8" s="14"/>
      <c r="C8" s="13">
        <v>85755.25</v>
      </c>
      <c r="D8" s="13">
        <v>0</v>
      </c>
      <c r="E8" s="14"/>
      <c r="F8" s="14"/>
      <c r="G8" s="14"/>
      <c r="H8" s="15">
        <v>85755.25</v>
      </c>
      <c r="I8" s="13">
        <v>0</v>
      </c>
      <c r="J8" s="15">
        <v>85755.25</v>
      </c>
    </row>
    <row r="9" spans="1:10" x14ac:dyDescent="0.3">
      <c r="A9" s="12" t="s">
        <v>26</v>
      </c>
      <c r="B9" s="14"/>
      <c r="C9" s="13">
        <v>178614.2</v>
      </c>
      <c r="D9" s="13">
        <v>53639.51</v>
      </c>
      <c r="E9" s="14"/>
      <c r="F9" s="14"/>
      <c r="G9" s="14"/>
      <c r="H9" s="15">
        <v>232253.71</v>
      </c>
      <c r="I9" s="13">
        <v>2365</v>
      </c>
      <c r="J9" s="15">
        <v>229888.71</v>
      </c>
    </row>
    <row r="10" spans="1:10" x14ac:dyDescent="0.3">
      <c r="A10" s="12" t="s">
        <v>27</v>
      </c>
      <c r="B10" s="14"/>
      <c r="C10" s="13">
        <v>150935.97</v>
      </c>
      <c r="D10" s="13">
        <v>45327.48</v>
      </c>
      <c r="E10" s="14"/>
      <c r="F10" s="14"/>
      <c r="G10" s="14"/>
      <c r="H10" s="15">
        <v>196263.45</v>
      </c>
      <c r="I10" s="13">
        <v>1250</v>
      </c>
      <c r="J10" s="15">
        <v>195013.45</v>
      </c>
    </row>
    <row r="11" spans="1:10" x14ac:dyDescent="0.3">
      <c r="A11" s="12" t="s">
        <v>28</v>
      </c>
      <c r="B11" s="14"/>
      <c r="C11" s="13">
        <v>0</v>
      </c>
      <c r="D11" s="13">
        <v>0</v>
      </c>
      <c r="E11" s="14"/>
      <c r="F11" s="14"/>
      <c r="G11" s="14"/>
      <c r="H11" s="15">
        <v>0</v>
      </c>
      <c r="I11" s="13">
        <v>0</v>
      </c>
      <c r="J11" s="15">
        <v>0</v>
      </c>
    </row>
    <row r="12" spans="1:10" x14ac:dyDescent="0.3">
      <c r="A12" s="12" t="s">
        <v>29</v>
      </c>
      <c r="B12" s="14"/>
      <c r="C12" s="13">
        <v>0</v>
      </c>
      <c r="D12" s="13">
        <v>0</v>
      </c>
      <c r="E12" s="14"/>
      <c r="F12" s="14"/>
      <c r="G12" s="14"/>
      <c r="H12" s="15">
        <v>0</v>
      </c>
      <c r="I12" s="13">
        <v>0</v>
      </c>
      <c r="J12" s="15">
        <v>0</v>
      </c>
    </row>
    <row r="13" spans="1:10" x14ac:dyDescent="0.3">
      <c r="A13" s="12" t="s">
        <v>30</v>
      </c>
      <c r="B13" s="14"/>
      <c r="C13" s="13">
        <v>0</v>
      </c>
      <c r="D13" s="13">
        <v>0</v>
      </c>
      <c r="E13" s="14"/>
      <c r="F13" s="14"/>
      <c r="G13" s="14"/>
      <c r="H13" s="15">
        <v>0</v>
      </c>
      <c r="I13" s="13">
        <v>0</v>
      </c>
      <c r="J13" s="15">
        <v>0</v>
      </c>
    </row>
    <row r="14" spans="1:10" x14ac:dyDescent="0.3">
      <c r="A14" s="12" t="s">
        <v>31</v>
      </c>
      <c r="B14" s="14"/>
      <c r="C14" s="13">
        <v>1451.24</v>
      </c>
      <c r="D14" s="13">
        <v>1425.76</v>
      </c>
      <c r="E14" s="14"/>
      <c r="F14" s="14"/>
      <c r="G14" s="14"/>
      <c r="H14" s="15">
        <v>2877</v>
      </c>
      <c r="I14" s="13">
        <v>0</v>
      </c>
      <c r="J14" s="15">
        <v>2877</v>
      </c>
    </row>
    <row r="15" spans="1:10" x14ac:dyDescent="0.3">
      <c r="A15" s="12" t="s">
        <v>32</v>
      </c>
      <c r="B15" s="14"/>
      <c r="C15" s="13">
        <v>0</v>
      </c>
      <c r="D15" s="13">
        <v>0</v>
      </c>
      <c r="E15" s="14"/>
      <c r="F15" s="14"/>
      <c r="G15" s="14"/>
      <c r="H15" s="15">
        <v>0</v>
      </c>
      <c r="I15" s="13">
        <v>0</v>
      </c>
      <c r="J15" s="15">
        <v>0</v>
      </c>
    </row>
    <row r="16" spans="1:10" x14ac:dyDescent="0.3">
      <c r="A16" s="12" t="s">
        <v>33</v>
      </c>
      <c r="B16" s="14"/>
      <c r="C16" s="13">
        <v>44875.05</v>
      </c>
      <c r="D16" s="13">
        <v>13476.4</v>
      </c>
      <c r="E16" s="14"/>
      <c r="F16" s="14"/>
      <c r="G16" s="14"/>
      <c r="H16" s="15">
        <v>58351.45</v>
      </c>
      <c r="I16" s="13">
        <v>0</v>
      </c>
      <c r="J16" s="15">
        <v>58351.45</v>
      </c>
    </row>
    <row r="17" spans="1:10" x14ac:dyDescent="0.3">
      <c r="A17" s="9" t="s">
        <v>34</v>
      </c>
      <c r="B17" s="14" t="s">
        <v>1</v>
      </c>
      <c r="C17" s="14" t="s">
        <v>1</v>
      </c>
      <c r="D17" s="14" t="s">
        <v>1</v>
      </c>
      <c r="E17" s="14" t="s">
        <v>1</v>
      </c>
      <c r="F17" s="14" t="s">
        <v>1</v>
      </c>
      <c r="G17" s="14" t="s">
        <v>1</v>
      </c>
      <c r="H17" s="16" t="s">
        <v>1</v>
      </c>
      <c r="I17" s="14" t="s">
        <v>1</v>
      </c>
      <c r="J17" s="16" t="s">
        <v>1</v>
      </c>
    </row>
    <row r="18" spans="1:10" x14ac:dyDescent="0.3">
      <c r="A18" s="12" t="s">
        <v>35</v>
      </c>
      <c r="B18" s="13">
        <v>184102.89</v>
      </c>
      <c r="C18" s="13">
        <v>1254116.5</v>
      </c>
      <c r="D18" s="13">
        <v>1133902.03</v>
      </c>
      <c r="E18" s="13">
        <v>5628466.2400000002</v>
      </c>
      <c r="F18" s="13">
        <v>949119.83</v>
      </c>
      <c r="G18" s="14"/>
      <c r="H18" s="15">
        <v>9149707.4900000002</v>
      </c>
      <c r="I18" s="13">
        <v>0</v>
      </c>
      <c r="J18" s="15">
        <v>9149707.4900000002</v>
      </c>
    </row>
    <row r="19" spans="1:10" x14ac:dyDescent="0.3">
      <c r="A19" s="12" t="s">
        <v>36</v>
      </c>
      <c r="B19" s="13">
        <v>0</v>
      </c>
      <c r="C19" s="13">
        <v>352220.08</v>
      </c>
      <c r="D19" s="13">
        <v>1302658.8500000001</v>
      </c>
      <c r="E19" s="13">
        <v>922879.02</v>
      </c>
      <c r="F19" s="13">
        <v>0</v>
      </c>
      <c r="G19" s="14">
        <v>932430.54</v>
      </c>
      <c r="H19" s="15">
        <v>3510188.49</v>
      </c>
      <c r="I19" s="13">
        <v>0</v>
      </c>
      <c r="J19" s="15">
        <v>3510188.49</v>
      </c>
    </row>
    <row r="20" spans="1:10" x14ac:dyDescent="0.3">
      <c r="A20" s="12" t="s">
        <v>37</v>
      </c>
      <c r="B20" s="13">
        <v>9704.15</v>
      </c>
      <c r="C20" s="13">
        <v>0</v>
      </c>
      <c r="D20" s="13">
        <v>0</v>
      </c>
      <c r="E20" s="13">
        <v>4559429.0999999996</v>
      </c>
      <c r="F20" s="13">
        <v>0</v>
      </c>
      <c r="G20" s="14">
        <v>216641.51</v>
      </c>
      <c r="H20" s="15">
        <v>4785774.76</v>
      </c>
      <c r="I20" s="13">
        <v>0</v>
      </c>
      <c r="J20" s="15">
        <v>4785774.76</v>
      </c>
    </row>
    <row r="21" spans="1:10" x14ac:dyDescent="0.3">
      <c r="A21" s="12" t="s">
        <v>38</v>
      </c>
      <c r="B21" s="13">
        <v>0</v>
      </c>
      <c r="C21" s="13">
        <v>81755</v>
      </c>
      <c r="D21" s="13">
        <v>4566</v>
      </c>
      <c r="E21" s="14"/>
      <c r="F21" s="14"/>
      <c r="G21" s="14"/>
      <c r="H21" s="15">
        <v>86321</v>
      </c>
      <c r="I21" s="13">
        <v>0</v>
      </c>
      <c r="J21" s="15">
        <v>86321</v>
      </c>
    </row>
    <row r="22" spans="1:10" x14ac:dyDescent="0.3">
      <c r="A22" s="12" t="s">
        <v>39</v>
      </c>
      <c r="B22" s="13">
        <v>229316.79</v>
      </c>
      <c r="C22" s="13">
        <v>1009034.33</v>
      </c>
      <c r="D22" s="13">
        <v>620523.6</v>
      </c>
      <c r="E22" s="13">
        <v>284116.55</v>
      </c>
      <c r="F22" s="13">
        <v>48821.94</v>
      </c>
      <c r="G22" s="14">
        <v>0</v>
      </c>
      <c r="H22" s="15">
        <v>2191813.21</v>
      </c>
      <c r="I22" s="13">
        <v>111020.95</v>
      </c>
      <c r="J22" s="15">
        <v>2080792.26</v>
      </c>
    </row>
    <row r="23" spans="1:10" x14ac:dyDescent="0.3">
      <c r="A23" s="12" t="s">
        <v>40</v>
      </c>
      <c r="B23" s="14"/>
      <c r="C23" s="14"/>
      <c r="D23" s="14"/>
      <c r="E23" s="13">
        <v>0</v>
      </c>
      <c r="F23" s="13">
        <v>33999.800000000003</v>
      </c>
      <c r="G23" s="14"/>
      <c r="H23" s="15">
        <v>33999.800000000003</v>
      </c>
      <c r="I23" s="13">
        <v>0</v>
      </c>
      <c r="J23" s="15">
        <v>33999.800000000003</v>
      </c>
    </row>
    <row r="24" spans="1:10" x14ac:dyDescent="0.3">
      <c r="A24" s="12" t="s">
        <v>41</v>
      </c>
      <c r="B24" s="13">
        <v>0</v>
      </c>
      <c r="C24" s="13">
        <v>19153.240000000002</v>
      </c>
      <c r="D24" s="13">
        <v>18817.009999999998</v>
      </c>
      <c r="E24" s="13">
        <v>0</v>
      </c>
      <c r="F24" s="13">
        <v>1641228.89</v>
      </c>
      <c r="G24" s="14">
        <v>0</v>
      </c>
      <c r="H24" s="15">
        <v>1679199.14</v>
      </c>
      <c r="I24" s="13">
        <v>0</v>
      </c>
      <c r="J24" s="15">
        <v>1679199.14</v>
      </c>
    </row>
    <row r="25" spans="1:10" x14ac:dyDescent="0.3">
      <c r="A25" s="12" t="s">
        <v>42</v>
      </c>
      <c r="B25" s="13">
        <v>1182.8499999999999</v>
      </c>
      <c r="C25" s="13">
        <v>172296.56</v>
      </c>
      <c r="D25" s="13">
        <v>143261.10999999999</v>
      </c>
      <c r="E25" s="13">
        <v>23600.71</v>
      </c>
      <c r="F25" s="13">
        <v>4055.49</v>
      </c>
      <c r="G25" s="14">
        <v>0</v>
      </c>
      <c r="H25" s="15">
        <v>344396.72</v>
      </c>
      <c r="I25" s="13">
        <v>0</v>
      </c>
      <c r="J25" s="15">
        <v>344396.72</v>
      </c>
    </row>
    <row r="26" spans="1:10" x14ac:dyDescent="0.3">
      <c r="A26" s="12" t="s">
        <v>43</v>
      </c>
      <c r="B26" s="14"/>
      <c r="C26" s="14"/>
      <c r="D26" s="14"/>
      <c r="E26" s="13">
        <v>0</v>
      </c>
      <c r="F26" s="13">
        <v>0</v>
      </c>
      <c r="G26" s="14"/>
      <c r="H26" s="15">
        <v>0</v>
      </c>
      <c r="I26" s="13">
        <v>0</v>
      </c>
      <c r="J26" s="15">
        <v>0</v>
      </c>
    </row>
    <row r="27" spans="1:10" x14ac:dyDescent="0.3">
      <c r="A27" s="12" t="s">
        <v>44</v>
      </c>
      <c r="B27" s="14"/>
      <c r="C27" s="14"/>
      <c r="D27" s="14"/>
      <c r="E27" s="13">
        <v>0</v>
      </c>
      <c r="F27" s="13">
        <v>0</v>
      </c>
      <c r="G27" s="14">
        <v>0</v>
      </c>
      <c r="H27" s="15">
        <v>0</v>
      </c>
      <c r="I27" s="13">
        <v>0</v>
      </c>
      <c r="J27" s="15">
        <v>0</v>
      </c>
    </row>
    <row r="28" spans="1:10" x14ac:dyDescent="0.3">
      <c r="A28" s="12" t="s">
        <v>45</v>
      </c>
      <c r="B28" s="13">
        <v>0</v>
      </c>
      <c r="C28" s="13">
        <v>0</v>
      </c>
      <c r="D28" s="13">
        <v>0</v>
      </c>
      <c r="E28" s="13">
        <v>0</v>
      </c>
      <c r="F28" s="13">
        <v>0</v>
      </c>
      <c r="G28" s="14">
        <v>0</v>
      </c>
      <c r="H28" s="15">
        <v>0</v>
      </c>
      <c r="I28" s="13">
        <v>0</v>
      </c>
      <c r="J28" s="15">
        <v>0</v>
      </c>
    </row>
    <row r="29" spans="1:10" x14ac:dyDescent="0.3">
      <c r="A29" s="12" t="s">
        <v>46</v>
      </c>
      <c r="B29" s="14"/>
      <c r="C29" s="14"/>
      <c r="D29" s="14"/>
      <c r="E29" s="14"/>
      <c r="F29" s="13">
        <v>0</v>
      </c>
      <c r="G29" s="14"/>
      <c r="H29" s="15">
        <v>0</v>
      </c>
      <c r="I29" s="13">
        <v>0</v>
      </c>
      <c r="J29" s="15">
        <v>0</v>
      </c>
    </row>
    <row r="30" spans="1:10" x14ac:dyDescent="0.3">
      <c r="A30" s="12" t="s">
        <v>47</v>
      </c>
      <c r="B30" s="13">
        <v>9004.83</v>
      </c>
      <c r="C30" s="13">
        <v>166236.57999999999</v>
      </c>
      <c r="D30" s="13">
        <v>163318.35</v>
      </c>
      <c r="E30" s="13">
        <v>5374.68</v>
      </c>
      <c r="F30" s="13">
        <v>923.57</v>
      </c>
      <c r="G30" s="14">
        <v>0</v>
      </c>
      <c r="H30" s="15">
        <v>344858.01</v>
      </c>
      <c r="I30" s="13">
        <v>0</v>
      </c>
      <c r="J30" s="15">
        <v>344858.01</v>
      </c>
    </row>
    <row r="31" spans="1:10" x14ac:dyDescent="0.3">
      <c r="A31" s="9" t="s">
        <v>48</v>
      </c>
      <c r="B31" s="14" t="s">
        <v>1</v>
      </c>
      <c r="C31" s="14" t="s">
        <v>1</v>
      </c>
      <c r="D31" s="14" t="s">
        <v>1</v>
      </c>
      <c r="E31" s="14" t="s">
        <v>1</v>
      </c>
      <c r="F31" s="14" t="s">
        <v>1</v>
      </c>
      <c r="G31" s="14" t="s">
        <v>1</v>
      </c>
      <c r="H31" s="16" t="s">
        <v>1</v>
      </c>
      <c r="I31" s="14" t="s">
        <v>1</v>
      </c>
      <c r="J31" s="16" t="s">
        <v>1</v>
      </c>
    </row>
    <row r="32" spans="1:10" x14ac:dyDescent="0.3">
      <c r="A32" s="12" t="s">
        <v>49</v>
      </c>
      <c r="B32" s="13">
        <v>398813.07</v>
      </c>
      <c r="C32" s="14"/>
      <c r="D32" s="14"/>
      <c r="E32" s="14"/>
      <c r="F32" s="14"/>
      <c r="G32" s="14"/>
      <c r="H32" s="15">
        <v>398813.07</v>
      </c>
      <c r="I32" s="13">
        <v>0</v>
      </c>
      <c r="J32" s="15">
        <v>398813.07</v>
      </c>
    </row>
    <row r="33" spans="1:10" x14ac:dyDescent="0.3">
      <c r="A33" s="9" t="s">
        <v>50</v>
      </c>
      <c r="B33" s="14" t="s">
        <v>1</v>
      </c>
      <c r="C33" s="14" t="s">
        <v>1</v>
      </c>
      <c r="D33" s="14" t="s">
        <v>1</v>
      </c>
      <c r="E33" s="14" t="s">
        <v>1</v>
      </c>
      <c r="F33" s="14" t="s">
        <v>1</v>
      </c>
      <c r="G33" s="14" t="s">
        <v>1</v>
      </c>
      <c r="H33" s="16" t="s">
        <v>1</v>
      </c>
      <c r="I33" s="14" t="s">
        <v>1</v>
      </c>
      <c r="J33" s="16" t="s">
        <v>1</v>
      </c>
    </row>
    <row r="34" spans="1:10" x14ac:dyDescent="0.3">
      <c r="A34" s="12" t="s">
        <v>51</v>
      </c>
      <c r="B34" s="13">
        <v>0</v>
      </c>
      <c r="C34" s="13">
        <v>0</v>
      </c>
      <c r="D34" s="13">
        <v>0</v>
      </c>
      <c r="E34" s="13">
        <v>0</v>
      </c>
      <c r="F34" s="13">
        <v>0</v>
      </c>
      <c r="G34" s="14"/>
      <c r="H34" s="15">
        <v>0</v>
      </c>
      <c r="I34" s="13">
        <v>0</v>
      </c>
      <c r="J34" s="15">
        <v>0</v>
      </c>
    </row>
    <row r="35" spans="1:10" x14ac:dyDescent="0.3">
      <c r="A35" s="12" t="s">
        <v>52</v>
      </c>
      <c r="B35" s="13">
        <v>5664.25</v>
      </c>
      <c r="C35" s="13">
        <v>104566.66</v>
      </c>
      <c r="D35" s="13">
        <v>102731.02</v>
      </c>
      <c r="E35" s="13">
        <v>3380.8</v>
      </c>
      <c r="F35" s="13">
        <v>580.95000000000005</v>
      </c>
      <c r="G35" s="14"/>
      <c r="H35" s="15">
        <v>216923.68</v>
      </c>
      <c r="I35" s="13">
        <v>0</v>
      </c>
      <c r="J35" s="15">
        <v>216923.68</v>
      </c>
    </row>
    <row r="36" spans="1:10" x14ac:dyDescent="0.3">
      <c r="A36" s="12" t="s">
        <v>53</v>
      </c>
      <c r="B36" s="13">
        <v>1297.8699999999999</v>
      </c>
      <c r="C36" s="13">
        <v>23959.74</v>
      </c>
      <c r="D36" s="13">
        <v>23539.14</v>
      </c>
      <c r="E36" s="13">
        <v>774.65</v>
      </c>
      <c r="F36" s="13">
        <v>133.11000000000001</v>
      </c>
      <c r="G36" s="14"/>
      <c r="H36" s="15">
        <v>49704.51</v>
      </c>
      <c r="I36" s="13">
        <v>0</v>
      </c>
      <c r="J36" s="15">
        <v>49704.51</v>
      </c>
    </row>
    <row r="37" spans="1:10" x14ac:dyDescent="0.3">
      <c r="A37" s="12" t="s">
        <v>54</v>
      </c>
      <c r="B37" s="13">
        <v>0</v>
      </c>
      <c r="C37" s="13">
        <v>0</v>
      </c>
      <c r="D37" s="13">
        <v>0</v>
      </c>
      <c r="E37" s="13">
        <v>0</v>
      </c>
      <c r="F37" s="13">
        <v>0</v>
      </c>
      <c r="G37" s="14"/>
      <c r="H37" s="15">
        <v>0</v>
      </c>
      <c r="I37" s="13">
        <v>0</v>
      </c>
      <c r="J37" s="15">
        <v>0</v>
      </c>
    </row>
    <row r="38" spans="1:10" x14ac:dyDescent="0.3">
      <c r="A38" s="12" t="s">
        <v>55</v>
      </c>
      <c r="B38" s="13">
        <v>0</v>
      </c>
      <c r="C38" s="13">
        <v>0</v>
      </c>
      <c r="D38" s="13">
        <v>0</v>
      </c>
      <c r="E38" s="13">
        <v>0</v>
      </c>
      <c r="F38" s="13">
        <v>0</v>
      </c>
      <c r="G38" s="14"/>
      <c r="H38" s="15">
        <v>0</v>
      </c>
      <c r="I38" s="13">
        <v>0</v>
      </c>
      <c r="J38" s="15">
        <v>0</v>
      </c>
    </row>
    <row r="39" spans="1:10" x14ac:dyDescent="0.3">
      <c r="A39" s="12" t="s">
        <v>56</v>
      </c>
      <c r="B39" s="13">
        <v>0</v>
      </c>
      <c r="C39" s="13">
        <v>0</v>
      </c>
      <c r="D39" s="13">
        <v>0</v>
      </c>
      <c r="E39" s="13">
        <v>0</v>
      </c>
      <c r="F39" s="13">
        <v>0</v>
      </c>
      <c r="G39" s="14"/>
      <c r="H39" s="15">
        <v>0</v>
      </c>
      <c r="I39" s="13">
        <v>0</v>
      </c>
      <c r="J39" s="15">
        <v>0</v>
      </c>
    </row>
    <row r="40" spans="1:10" x14ac:dyDescent="0.3">
      <c r="A40" s="12" t="s">
        <v>57</v>
      </c>
      <c r="B40" s="13">
        <v>0</v>
      </c>
      <c r="C40" s="13">
        <v>0</v>
      </c>
      <c r="D40" s="13">
        <v>0</v>
      </c>
      <c r="E40" s="13">
        <v>0</v>
      </c>
      <c r="F40" s="13">
        <v>0</v>
      </c>
      <c r="G40" s="14"/>
      <c r="H40" s="15">
        <v>0</v>
      </c>
      <c r="I40" s="13">
        <v>0</v>
      </c>
      <c r="J40" s="15">
        <v>0</v>
      </c>
    </row>
    <row r="41" spans="1:10" x14ac:dyDescent="0.3">
      <c r="A41" s="12" t="s">
        <v>58</v>
      </c>
      <c r="B41" s="13">
        <v>0</v>
      </c>
      <c r="C41" s="13">
        <v>0</v>
      </c>
      <c r="D41" s="13">
        <v>0</v>
      </c>
      <c r="E41" s="13">
        <v>0</v>
      </c>
      <c r="F41" s="13">
        <v>0</v>
      </c>
      <c r="G41" s="14"/>
      <c r="H41" s="15">
        <v>0</v>
      </c>
      <c r="I41" s="13">
        <v>0</v>
      </c>
      <c r="J41" s="15">
        <v>0</v>
      </c>
    </row>
    <row r="42" spans="1:10" x14ac:dyDescent="0.3">
      <c r="A42" s="12" t="s">
        <v>59</v>
      </c>
      <c r="B42" s="13">
        <v>0</v>
      </c>
      <c r="C42" s="13">
        <v>0</v>
      </c>
      <c r="D42" s="13">
        <v>0</v>
      </c>
      <c r="E42" s="13">
        <v>0</v>
      </c>
      <c r="F42" s="13">
        <v>0</v>
      </c>
      <c r="G42" s="14"/>
      <c r="H42" s="15">
        <v>0</v>
      </c>
      <c r="I42" s="13">
        <v>0</v>
      </c>
      <c r="J42" s="15">
        <v>0</v>
      </c>
    </row>
    <row r="43" spans="1:10" x14ac:dyDescent="0.3">
      <c r="A43" s="12" t="s">
        <v>60</v>
      </c>
      <c r="B43" s="13">
        <v>0</v>
      </c>
      <c r="C43" s="13">
        <v>213679.86</v>
      </c>
      <c r="D43" s="13">
        <v>73015.83</v>
      </c>
      <c r="E43" s="13">
        <v>0</v>
      </c>
      <c r="F43" s="13">
        <v>0</v>
      </c>
      <c r="G43" s="14"/>
      <c r="H43" s="15">
        <v>286695.69</v>
      </c>
      <c r="I43" s="13">
        <v>0</v>
      </c>
      <c r="J43" s="15">
        <v>286695.69</v>
      </c>
    </row>
    <row r="44" spans="1:10" x14ac:dyDescent="0.3">
      <c r="A44" s="12" t="s">
        <v>61</v>
      </c>
      <c r="B44" s="13">
        <v>0</v>
      </c>
      <c r="C44" s="13">
        <v>0</v>
      </c>
      <c r="D44" s="13">
        <v>0</v>
      </c>
      <c r="E44" s="13">
        <v>0</v>
      </c>
      <c r="F44" s="13">
        <v>0</v>
      </c>
      <c r="G44" s="13">
        <v>0</v>
      </c>
      <c r="H44" s="15">
        <v>0</v>
      </c>
      <c r="I44" s="13">
        <v>0</v>
      </c>
      <c r="J44" s="15">
        <v>0</v>
      </c>
    </row>
    <row r="45" spans="1:10" x14ac:dyDescent="0.3">
      <c r="A45" s="12" t="s">
        <v>62</v>
      </c>
      <c r="B45" s="13">
        <v>0</v>
      </c>
      <c r="C45" s="13">
        <v>0</v>
      </c>
      <c r="D45" s="13">
        <v>0</v>
      </c>
      <c r="E45" s="13">
        <v>0</v>
      </c>
      <c r="F45" s="13">
        <v>0</v>
      </c>
      <c r="G45" s="13">
        <v>0</v>
      </c>
      <c r="H45" s="15">
        <v>0</v>
      </c>
      <c r="I45" s="13">
        <v>0</v>
      </c>
      <c r="J45" s="15">
        <v>0</v>
      </c>
    </row>
    <row r="46" spans="1:10" x14ac:dyDescent="0.3">
      <c r="A46" s="12" t="s">
        <v>63</v>
      </c>
      <c r="B46" s="14"/>
      <c r="C46" s="13">
        <v>0</v>
      </c>
      <c r="D46" s="14"/>
      <c r="E46" s="14"/>
      <c r="F46" s="14"/>
      <c r="G46" s="14"/>
      <c r="H46" s="15">
        <v>0</v>
      </c>
      <c r="I46" s="13">
        <v>0</v>
      </c>
      <c r="J46" s="15">
        <v>0</v>
      </c>
    </row>
    <row r="47" spans="1:10" x14ac:dyDescent="0.3">
      <c r="A47" s="12" t="s">
        <v>64</v>
      </c>
      <c r="B47" s="13">
        <v>0</v>
      </c>
      <c r="C47" s="13">
        <v>75366.73</v>
      </c>
      <c r="D47" s="13">
        <v>74043.69</v>
      </c>
      <c r="E47" s="13">
        <v>0</v>
      </c>
      <c r="F47" s="13">
        <v>0</v>
      </c>
      <c r="G47" s="13">
        <v>0</v>
      </c>
      <c r="H47" s="15">
        <v>149410.42000000001</v>
      </c>
      <c r="I47" s="14"/>
      <c r="J47" s="15">
        <v>149410.42000000001</v>
      </c>
    </row>
    <row r="48" spans="1:10" ht="27" x14ac:dyDescent="0.3">
      <c r="A48" s="9" t="s">
        <v>65</v>
      </c>
      <c r="B48" s="14" t="s">
        <v>1</v>
      </c>
      <c r="C48" s="14" t="s">
        <v>1</v>
      </c>
      <c r="D48" s="14" t="s">
        <v>1</v>
      </c>
      <c r="E48" s="14" t="s">
        <v>1</v>
      </c>
      <c r="F48" s="14" t="s">
        <v>1</v>
      </c>
      <c r="G48" s="14" t="s">
        <v>1</v>
      </c>
      <c r="H48" s="16" t="s">
        <v>1</v>
      </c>
      <c r="I48" s="14" t="s">
        <v>1</v>
      </c>
      <c r="J48" s="16" t="s">
        <v>1</v>
      </c>
    </row>
    <row r="49" spans="1:10" x14ac:dyDescent="0.3">
      <c r="A49" s="12" t="s">
        <v>66</v>
      </c>
      <c r="B49" s="14"/>
      <c r="C49" s="14"/>
      <c r="D49" s="14"/>
      <c r="E49" s="14"/>
      <c r="F49" s="14"/>
      <c r="G49" s="14"/>
      <c r="H49" s="15">
        <v>199045.37</v>
      </c>
      <c r="I49" s="13">
        <v>51468.9</v>
      </c>
      <c r="J49" s="15">
        <v>147576.47</v>
      </c>
    </row>
    <row r="50" spans="1:10" x14ac:dyDescent="0.3">
      <c r="A50" s="12" t="s">
        <v>67</v>
      </c>
      <c r="B50" s="14"/>
      <c r="C50" s="14"/>
      <c r="D50" s="14"/>
      <c r="E50" s="14"/>
      <c r="F50" s="14"/>
      <c r="G50" s="14"/>
      <c r="H50" s="15">
        <v>0</v>
      </c>
      <c r="I50" s="13">
        <v>0</v>
      </c>
      <c r="J50" s="15">
        <v>0</v>
      </c>
    </row>
    <row r="51" spans="1:10" x14ac:dyDescent="0.3">
      <c r="A51" s="12" t="s">
        <v>68</v>
      </c>
      <c r="B51" s="14"/>
      <c r="C51" s="14"/>
      <c r="D51" s="14"/>
      <c r="E51" s="14"/>
      <c r="F51" s="14"/>
      <c r="G51" s="14"/>
      <c r="H51" s="15">
        <v>350314.3</v>
      </c>
      <c r="I51" s="13">
        <v>0</v>
      </c>
      <c r="J51" s="15">
        <v>350314.3</v>
      </c>
    </row>
    <row r="52" spans="1:10" x14ac:dyDescent="0.3">
      <c r="A52" s="9" t="s">
        <v>69</v>
      </c>
      <c r="B52" s="14" t="s">
        <v>1</v>
      </c>
      <c r="C52" s="14" t="s">
        <v>1</v>
      </c>
      <c r="D52" s="14" t="s">
        <v>1</v>
      </c>
      <c r="E52" s="14" t="s">
        <v>1</v>
      </c>
      <c r="F52" s="14" t="s">
        <v>1</v>
      </c>
      <c r="G52" s="14" t="s">
        <v>1</v>
      </c>
      <c r="H52" s="16" t="s">
        <v>1</v>
      </c>
      <c r="I52" s="14" t="s">
        <v>1</v>
      </c>
      <c r="J52" s="16" t="s">
        <v>1</v>
      </c>
    </row>
    <row r="53" spans="1:10" x14ac:dyDescent="0.3">
      <c r="A53" s="12" t="s">
        <v>70</v>
      </c>
      <c r="B53" s="14"/>
      <c r="C53" s="14"/>
      <c r="D53" s="14"/>
      <c r="E53" s="14"/>
      <c r="F53" s="14"/>
      <c r="G53" s="14"/>
      <c r="H53" s="15">
        <v>0</v>
      </c>
      <c r="I53" s="13">
        <v>0</v>
      </c>
      <c r="J53" s="15">
        <v>0</v>
      </c>
    </row>
    <row r="54" spans="1:10" x14ac:dyDescent="0.3">
      <c r="A54" s="12" t="s">
        <v>71</v>
      </c>
      <c r="B54" s="14"/>
      <c r="C54" s="14"/>
      <c r="D54" s="14"/>
      <c r="E54" s="14"/>
      <c r="F54" s="14"/>
      <c r="G54" s="14"/>
      <c r="H54" s="15">
        <v>0</v>
      </c>
      <c r="I54" s="13">
        <v>0</v>
      </c>
      <c r="J54" s="15">
        <v>0</v>
      </c>
    </row>
    <row r="55" spans="1:10" x14ac:dyDescent="0.3">
      <c r="A55" s="12" t="s">
        <v>72</v>
      </c>
      <c r="B55" s="14"/>
      <c r="C55" s="14"/>
      <c r="D55" s="14"/>
      <c r="E55" s="14"/>
      <c r="F55" s="14"/>
      <c r="G55" s="14"/>
      <c r="H55" s="15">
        <v>0</v>
      </c>
      <c r="I55" s="13">
        <v>0</v>
      </c>
      <c r="J55" s="15">
        <v>0</v>
      </c>
    </row>
    <row r="56" spans="1:10" x14ac:dyDescent="0.3">
      <c r="A56" s="12" t="s">
        <v>73</v>
      </c>
      <c r="B56" s="14"/>
      <c r="C56" s="14"/>
      <c r="D56" s="14"/>
      <c r="E56" s="14"/>
      <c r="F56" s="14"/>
      <c r="G56" s="14"/>
      <c r="H56" s="15">
        <v>133275.54999999999</v>
      </c>
      <c r="I56" s="13">
        <v>4192</v>
      </c>
      <c r="J56" s="15">
        <v>129083.55</v>
      </c>
    </row>
    <row r="57" spans="1:10" x14ac:dyDescent="0.3">
      <c r="A57" s="12" t="s">
        <v>74</v>
      </c>
      <c r="B57" s="14"/>
      <c r="C57" s="14"/>
      <c r="D57" s="14"/>
      <c r="E57" s="14"/>
      <c r="F57" s="14"/>
      <c r="G57" s="14"/>
      <c r="H57" s="15">
        <v>0</v>
      </c>
      <c r="I57" s="13">
        <v>0</v>
      </c>
      <c r="J57" s="15">
        <v>0</v>
      </c>
    </row>
    <row r="58" spans="1:10" x14ac:dyDescent="0.3">
      <c r="A58" s="12" t="s">
        <v>75</v>
      </c>
      <c r="B58" s="14"/>
      <c r="C58" s="14"/>
      <c r="D58" s="14"/>
      <c r="E58" s="14"/>
      <c r="F58" s="14"/>
      <c r="G58" s="14"/>
      <c r="H58" s="15">
        <v>0</v>
      </c>
      <c r="I58" s="13">
        <v>0</v>
      </c>
      <c r="J58" s="15">
        <v>0</v>
      </c>
    </row>
    <row r="59" spans="1:10" x14ac:dyDescent="0.3">
      <c r="A59" s="12" t="s">
        <v>76</v>
      </c>
      <c r="B59" s="14"/>
      <c r="C59" s="14"/>
      <c r="D59" s="14"/>
      <c r="E59" s="14"/>
      <c r="F59" s="14"/>
      <c r="G59" s="14"/>
      <c r="H59" s="15">
        <v>6345.7</v>
      </c>
      <c r="I59" s="13">
        <v>0</v>
      </c>
      <c r="J59" s="15">
        <v>6345.7</v>
      </c>
    </row>
    <row r="60" spans="1:10" x14ac:dyDescent="0.3">
      <c r="A60" s="12" t="s">
        <v>77</v>
      </c>
      <c r="B60" s="13">
        <v>0</v>
      </c>
      <c r="C60" s="13">
        <v>0</v>
      </c>
      <c r="D60" s="13">
        <v>0</v>
      </c>
      <c r="E60" s="13">
        <v>0</v>
      </c>
      <c r="F60" s="13">
        <v>0</v>
      </c>
      <c r="G60" s="13">
        <v>0</v>
      </c>
      <c r="H60" s="15">
        <v>0</v>
      </c>
      <c r="I60" s="13">
        <v>0</v>
      </c>
      <c r="J60" s="15">
        <v>0</v>
      </c>
    </row>
    <row r="61" spans="1:10" x14ac:dyDescent="0.3">
      <c r="A61" s="12" t="s">
        <v>78</v>
      </c>
      <c r="B61" s="13">
        <v>10488487.279999999</v>
      </c>
      <c r="C61" s="13">
        <v>57338187.009999998</v>
      </c>
      <c r="D61" s="13">
        <v>27425141.260000002</v>
      </c>
      <c r="E61" s="13">
        <v>15078021.75</v>
      </c>
      <c r="F61" s="13">
        <v>3338863.58</v>
      </c>
      <c r="G61" s="13">
        <v>1149072.05</v>
      </c>
      <c r="H61" s="15">
        <v>115506753.84999999</v>
      </c>
      <c r="I61" s="13">
        <v>170296.85</v>
      </c>
      <c r="J61" s="15">
        <v>115336457</v>
      </c>
    </row>
    <row r="62" spans="1:10" x14ac:dyDescent="0.3">
      <c r="A62" s="9" t="s">
        <v>79</v>
      </c>
      <c r="B62" s="14" t="s">
        <v>1</v>
      </c>
      <c r="C62" s="14" t="s">
        <v>1</v>
      </c>
      <c r="D62" s="14" t="s">
        <v>1</v>
      </c>
      <c r="E62" s="14" t="s">
        <v>1</v>
      </c>
      <c r="F62" s="14" t="s">
        <v>1</v>
      </c>
      <c r="G62" s="14" t="s">
        <v>1</v>
      </c>
      <c r="H62" s="16" t="s">
        <v>1</v>
      </c>
      <c r="I62" s="14" t="s">
        <v>1</v>
      </c>
      <c r="J62" s="16" t="s">
        <v>1</v>
      </c>
    </row>
    <row r="63" spans="1:10" ht="26.4" x14ac:dyDescent="0.3">
      <c r="A63" s="12" t="s">
        <v>80</v>
      </c>
      <c r="B63" s="14"/>
      <c r="C63" s="14"/>
      <c r="D63" s="14"/>
      <c r="E63" s="14"/>
      <c r="F63" s="14"/>
      <c r="G63" s="14"/>
      <c r="H63" s="15">
        <v>109012348</v>
      </c>
      <c r="I63" s="14"/>
      <c r="J63" s="16"/>
    </row>
    <row r="64" spans="1:10" x14ac:dyDescent="0.3">
      <c r="A64" s="12" t="s">
        <v>81</v>
      </c>
      <c r="B64" s="14"/>
      <c r="C64" s="14"/>
      <c r="D64" s="14"/>
      <c r="E64" s="14"/>
      <c r="F64" s="14"/>
      <c r="G64" s="14"/>
      <c r="H64" s="15">
        <v>-101295</v>
      </c>
      <c r="I64" s="14"/>
      <c r="J64" s="16"/>
    </row>
    <row r="65" spans="1:10" ht="26.4" x14ac:dyDescent="0.3">
      <c r="A65" s="12" t="s">
        <v>82</v>
      </c>
      <c r="B65" s="14"/>
      <c r="C65" s="14"/>
      <c r="D65" s="14"/>
      <c r="E65" s="14"/>
      <c r="F65" s="14"/>
      <c r="G65" s="14"/>
      <c r="H65" s="15">
        <v>-2964515</v>
      </c>
      <c r="I65" s="14"/>
      <c r="J65" s="16"/>
    </row>
    <row r="66" spans="1:10" ht="26.4" x14ac:dyDescent="0.3">
      <c r="A66" s="12" t="s">
        <v>83</v>
      </c>
      <c r="B66" s="14"/>
      <c r="C66" s="14"/>
      <c r="D66" s="14"/>
      <c r="E66" s="14"/>
      <c r="F66" s="14"/>
      <c r="G66" s="14"/>
      <c r="H66" s="15">
        <v>4760999.63</v>
      </c>
      <c r="I66" s="14"/>
      <c r="J66" s="16"/>
    </row>
    <row r="67" spans="1:10" x14ac:dyDescent="0.3">
      <c r="A67" s="12" t="s">
        <v>84</v>
      </c>
      <c r="B67" s="14"/>
      <c r="C67" s="14"/>
      <c r="D67" s="14"/>
      <c r="E67" s="14"/>
      <c r="F67" s="14"/>
      <c r="G67" s="14"/>
      <c r="H67" s="15">
        <v>4628919.38</v>
      </c>
      <c r="I67" s="14"/>
      <c r="J67" s="16"/>
    </row>
    <row r="68" spans="1:10" x14ac:dyDescent="0.3">
      <c r="A68" s="12" t="s">
        <v>85</v>
      </c>
      <c r="B68" s="14"/>
      <c r="C68" s="14"/>
      <c r="D68" s="14"/>
      <c r="E68" s="14"/>
      <c r="F68" s="14"/>
      <c r="G68" s="14"/>
      <c r="H68" s="15">
        <v>0</v>
      </c>
      <c r="I68" s="14"/>
      <c r="J68" s="16"/>
    </row>
    <row r="69" spans="1:10" x14ac:dyDescent="0.3">
      <c r="A69" s="12" t="s">
        <v>86</v>
      </c>
      <c r="B69" s="14"/>
      <c r="C69" s="14"/>
      <c r="D69" s="14"/>
      <c r="E69" s="14"/>
      <c r="F69" s="14"/>
      <c r="G69" s="14"/>
      <c r="H69" s="15">
        <v>115336457.01000001</v>
      </c>
      <c r="I69" s="14"/>
      <c r="J69" s="16"/>
    </row>
    <row r="70" spans="1:10" x14ac:dyDescent="0.3">
      <c r="A70" s="9" t="s">
        <v>87</v>
      </c>
      <c r="B70" s="10" t="s">
        <v>1</v>
      </c>
      <c r="C70" s="10" t="s">
        <v>1</v>
      </c>
      <c r="D70" s="10" t="s">
        <v>1</v>
      </c>
      <c r="E70" s="10" t="s">
        <v>1</v>
      </c>
      <c r="F70" s="10" t="s">
        <v>1</v>
      </c>
      <c r="G70" s="10" t="s">
        <v>1</v>
      </c>
      <c r="H70" s="11" t="s">
        <v>1</v>
      </c>
      <c r="I70" s="10" t="s">
        <v>1</v>
      </c>
      <c r="J70" s="11" t="s">
        <v>1</v>
      </c>
    </row>
    <row r="71" spans="1:10" x14ac:dyDescent="0.3">
      <c r="A71" s="12" t="s">
        <v>88</v>
      </c>
      <c r="B71" s="14"/>
      <c r="C71" s="14"/>
      <c r="D71" s="14"/>
      <c r="E71" s="14"/>
      <c r="F71" s="14"/>
      <c r="G71" s="14"/>
      <c r="H71" s="15">
        <v>0</v>
      </c>
      <c r="I71" s="13">
        <v>0</v>
      </c>
      <c r="J71" s="15">
        <v>0</v>
      </c>
    </row>
    <row r="72" spans="1:10" x14ac:dyDescent="0.3">
      <c r="A72" s="12" t="s">
        <v>89</v>
      </c>
      <c r="B72" s="14"/>
      <c r="C72" s="14"/>
      <c r="D72" s="14"/>
      <c r="E72" s="14"/>
      <c r="F72" s="14"/>
      <c r="G72" s="14"/>
      <c r="H72" s="15">
        <v>0</v>
      </c>
      <c r="I72" s="13">
        <v>0</v>
      </c>
      <c r="J72" s="15">
        <v>0</v>
      </c>
    </row>
    <row r="73" spans="1:10" x14ac:dyDescent="0.3">
      <c r="A73" s="12" t="s">
        <v>90</v>
      </c>
      <c r="B73" s="14"/>
      <c r="C73" s="14"/>
      <c r="D73" s="14"/>
      <c r="E73" s="14"/>
      <c r="F73" s="14"/>
      <c r="G73" s="14"/>
      <c r="H73" s="15">
        <v>289999</v>
      </c>
      <c r="I73" s="13">
        <v>244377</v>
      </c>
      <c r="J73" s="15">
        <v>45622</v>
      </c>
    </row>
    <row r="74" spans="1:10" x14ac:dyDescent="0.3">
      <c r="A74" s="12" t="s">
        <v>91</v>
      </c>
      <c r="B74" s="14"/>
      <c r="C74" s="14"/>
      <c r="D74" s="14"/>
      <c r="E74" s="14"/>
      <c r="F74" s="14"/>
      <c r="G74" s="14"/>
      <c r="H74" s="15">
        <v>0</v>
      </c>
      <c r="I74" s="13">
        <v>0</v>
      </c>
      <c r="J74" s="15">
        <v>0</v>
      </c>
    </row>
    <row r="75" spans="1:10" x14ac:dyDescent="0.3">
      <c r="A75" s="12" t="s">
        <v>92</v>
      </c>
      <c r="B75" s="14"/>
      <c r="C75" s="14"/>
      <c r="D75" s="14"/>
      <c r="E75" s="14"/>
      <c r="F75" s="14"/>
      <c r="G75" s="14"/>
      <c r="H75" s="15">
        <v>79961</v>
      </c>
      <c r="I75" s="13">
        <v>0</v>
      </c>
      <c r="J75" s="15">
        <v>79961</v>
      </c>
    </row>
    <row r="76" spans="1:10" x14ac:dyDescent="0.3">
      <c r="A76" s="12" t="s">
        <v>93</v>
      </c>
      <c r="B76" s="14"/>
      <c r="C76" s="14"/>
      <c r="D76" s="14"/>
      <c r="E76" s="14"/>
      <c r="F76" s="14"/>
      <c r="G76" s="14"/>
      <c r="H76" s="15">
        <v>0</v>
      </c>
      <c r="I76" s="13">
        <v>0</v>
      </c>
      <c r="J76" s="15">
        <v>0</v>
      </c>
    </row>
    <row r="77" spans="1:10" x14ac:dyDescent="0.3">
      <c r="A77" s="12" t="s">
        <v>94</v>
      </c>
      <c r="B77" s="14"/>
      <c r="C77" s="14"/>
      <c r="D77" s="14"/>
      <c r="E77" s="14"/>
      <c r="F77" s="14"/>
      <c r="G77" s="14"/>
      <c r="H77" s="15">
        <v>0</v>
      </c>
      <c r="I77" s="13">
        <v>0</v>
      </c>
      <c r="J77" s="15">
        <v>0</v>
      </c>
    </row>
    <row r="78" spans="1:10" x14ac:dyDescent="0.3">
      <c r="A78" s="12" t="s">
        <v>95</v>
      </c>
      <c r="B78" s="14"/>
      <c r="C78" s="14"/>
      <c r="D78" s="14"/>
      <c r="E78" s="14"/>
      <c r="F78" s="14"/>
      <c r="G78" s="14"/>
      <c r="H78" s="15">
        <v>1755320</v>
      </c>
      <c r="I78" s="13">
        <v>893864</v>
      </c>
      <c r="J78" s="15">
        <v>861456</v>
      </c>
    </row>
    <row r="79" spans="1:10" x14ac:dyDescent="0.3">
      <c r="A79" s="12" t="s">
        <v>96</v>
      </c>
      <c r="B79" s="14"/>
      <c r="C79" s="14"/>
      <c r="D79" s="14"/>
      <c r="E79" s="14"/>
      <c r="F79" s="14"/>
      <c r="G79" s="14"/>
      <c r="H79" s="15">
        <v>1250856</v>
      </c>
      <c r="I79" s="13">
        <v>630</v>
      </c>
      <c r="J79" s="15">
        <v>1250226</v>
      </c>
    </row>
    <row r="80" spans="1:10" ht="26.4" x14ac:dyDescent="0.3">
      <c r="A80" s="12" t="s">
        <v>97</v>
      </c>
      <c r="B80" s="14"/>
      <c r="C80" s="14"/>
      <c r="D80" s="14"/>
      <c r="E80" s="14"/>
      <c r="F80" s="14"/>
      <c r="G80" s="14"/>
      <c r="H80" s="15">
        <v>51130</v>
      </c>
      <c r="I80" s="13">
        <v>0</v>
      </c>
      <c r="J80" s="15">
        <v>51130</v>
      </c>
    </row>
    <row r="81" spans="1:10" x14ac:dyDescent="0.3">
      <c r="A81" s="12" t="s">
        <v>98</v>
      </c>
      <c r="B81" s="13">
        <v>0</v>
      </c>
      <c r="C81" s="13">
        <v>0</v>
      </c>
      <c r="D81" s="13">
        <v>0</v>
      </c>
      <c r="E81" s="13">
        <v>2227143</v>
      </c>
      <c r="F81" s="13">
        <v>258021</v>
      </c>
      <c r="G81" s="14"/>
      <c r="H81" s="15">
        <v>2485164</v>
      </c>
      <c r="I81" s="13">
        <v>10309</v>
      </c>
      <c r="J81" s="15">
        <v>2474855</v>
      </c>
    </row>
    <row r="82" spans="1:10" x14ac:dyDescent="0.3">
      <c r="A82" s="12" t="s">
        <v>99</v>
      </c>
      <c r="B82" s="13">
        <v>0</v>
      </c>
      <c r="C82" s="13">
        <v>318589</v>
      </c>
      <c r="D82" s="13">
        <v>1379254</v>
      </c>
      <c r="E82" s="13">
        <v>0</v>
      </c>
      <c r="F82" s="13">
        <v>0</v>
      </c>
      <c r="G82" s="14"/>
      <c r="H82" s="15">
        <v>1697843</v>
      </c>
      <c r="I82" s="13">
        <v>502031</v>
      </c>
      <c r="J82" s="15">
        <v>1195812</v>
      </c>
    </row>
    <row r="83" spans="1:10" x14ac:dyDescent="0.3">
      <c r="A83" s="12" t="s">
        <v>100</v>
      </c>
      <c r="B83" s="14"/>
      <c r="C83" s="14"/>
      <c r="D83" s="13">
        <v>0</v>
      </c>
      <c r="E83" s="13">
        <v>0</v>
      </c>
      <c r="F83" s="13">
        <v>0</v>
      </c>
      <c r="G83" s="13">
        <v>361101</v>
      </c>
      <c r="H83" s="15">
        <v>361101</v>
      </c>
      <c r="I83" s="13">
        <v>35587</v>
      </c>
      <c r="J83" s="15">
        <v>325514</v>
      </c>
    </row>
    <row r="84" spans="1:10" x14ac:dyDescent="0.3">
      <c r="A84" s="12" t="s">
        <v>101</v>
      </c>
      <c r="B84" s="14"/>
      <c r="C84" s="14"/>
      <c r="D84" s="13">
        <v>0</v>
      </c>
      <c r="E84" s="13">
        <v>0</v>
      </c>
      <c r="F84" s="13">
        <v>0</v>
      </c>
      <c r="G84" s="13">
        <v>131208</v>
      </c>
      <c r="H84" s="15">
        <v>131208</v>
      </c>
      <c r="I84" s="13">
        <v>9867</v>
      </c>
      <c r="J84" s="15">
        <v>121341</v>
      </c>
    </row>
    <row r="85" spans="1:10" ht="26.4" x14ac:dyDescent="0.3">
      <c r="A85" s="12" t="s">
        <v>102</v>
      </c>
      <c r="B85" s="14"/>
      <c r="C85" s="14"/>
      <c r="D85" s="13">
        <v>0</v>
      </c>
      <c r="E85" s="13">
        <v>0</v>
      </c>
      <c r="F85" s="13">
        <v>0</v>
      </c>
      <c r="G85" s="13">
        <v>136312</v>
      </c>
      <c r="H85" s="15">
        <v>136312</v>
      </c>
      <c r="I85" s="13">
        <v>109934</v>
      </c>
      <c r="J85" s="15">
        <v>26378</v>
      </c>
    </row>
    <row r="86" spans="1:10" x14ac:dyDescent="0.3">
      <c r="A86" s="12" t="s">
        <v>103</v>
      </c>
      <c r="B86" s="14"/>
      <c r="C86" s="14"/>
      <c r="D86" s="14"/>
      <c r="E86" s="14"/>
      <c r="F86" s="14"/>
      <c r="G86" s="14"/>
      <c r="H86" s="15">
        <v>0</v>
      </c>
      <c r="I86" s="13">
        <v>0</v>
      </c>
      <c r="J86" s="15">
        <v>0</v>
      </c>
    </row>
    <row r="87" spans="1:10" x14ac:dyDescent="0.3">
      <c r="A87" s="12" t="s">
        <v>104</v>
      </c>
      <c r="B87" s="14"/>
      <c r="C87" s="14"/>
      <c r="D87" s="14"/>
      <c r="E87" s="14"/>
      <c r="F87" s="14"/>
      <c r="G87" s="14"/>
      <c r="H87" s="15">
        <v>0</v>
      </c>
      <c r="I87" s="13">
        <v>0</v>
      </c>
      <c r="J87" s="15">
        <v>0</v>
      </c>
    </row>
    <row r="88" spans="1:10" x14ac:dyDescent="0.3">
      <c r="A88" s="12" t="s">
        <v>105</v>
      </c>
      <c r="B88" s="14"/>
      <c r="C88" s="14"/>
      <c r="D88" s="13">
        <v>0</v>
      </c>
      <c r="E88" s="13">
        <v>0</v>
      </c>
      <c r="F88" s="13">
        <v>0</v>
      </c>
      <c r="G88" s="13">
        <v>0</v>
      </c>
      <c r="H88" s="15">
        <v>0</v>
      </c>
      <c r="I88" s="13">
        <v>0</v>
      </c>
      <c r="J88" s="15">
        <v>0</v>
      </c>
    </row>
    <row r="89" spans="1:10" x14ac:dyDescent="0.3">
      <c r="A89" s="12" t="s">
        <v>106</v>
      </c>
      <c r="B89" s="14"/>
      <c r="C89" s="14"/>
      <c r="D89" s="14"/>
      <c r="E89" s="14"/>
      <c r="F89" s="14"/>
      <c r="G89" s="14"/>
      <c r="H89" s="15">
        <v>801397</v>
      </c>
      <c r="I89" s="13">
        <v>721416</v>
      </c>
      <c r="J89" s="15">
        <v>79981</v>
      </c>
    </row>
    <row r="90" spans="1:10" x14ac:dyDescent="0.3">
      <c r="A90" s="12" t="s">
        <v>107</v>
      </c>
      <c r="B90" s="14"/>
      <c r="C90" s="14"/>
      <c r="D90" s="14"/>
      <c r="E90" s="14"/>
      <c r="F90" s="14"/>
      <c r="G90" s="14"/>
      <c r="H90" s="15">
        <v>327482</v>
      </c>
      <c r="I90" s="13">
        <v>0</v>
      </c>
      <c r="J90" s="15">
        <v>327482</v>
      </c>
    </row>
    <row r="91" spans="1:10" x14ac:dyDescent="0.3">
      <c r="A91" s="12" t="s">
        <v>108</v>
      </c>
      <c r="B91" s="14"/>
      <c r="C91" s="14"/>
      <c r="D91" s="14"/>
      <c r="E91" s="14"/>
      <c r="F91" s="14"/>
      <c r="G91" s="14"/>
      <c r="H91" s="15">
        <v>0</v>
      </c>
      <c r="I91" s="13">
        <v>0</v>
      </c>
      <c r="J91" s="15">
        <v>0</v>
      </c>
    </row>
    <row r="92" spans="1:10" x14ac:dyDescent="0.3">
      <c r="A92" s="12" t="s">
        <v>109</v>
      </c>
      <c r="B92" s="14"/>
      <c r="C92" s="14"/>
      <c r="D92" s="14"/>
      <c r="E92" s="14"/>
      <c r="F92" s="14"/>
      <c r="G92" s="14"/>
      <c r="H92" s="15">
        <v>0</v>
      </c>
      <c r="I92" s="13">
        <v>0</v>
      </c>
      <c r="J92" s="15">
        <v>0</v>
      </c>
    </row>
    <row r="93" spans="1:10" x14ac:dyDescent="0.3">
      <c r="A93" s="12" t="s">
        <v>110</v>
      </c>
      <c r="B93" s="14"/>
      <c r="C93" s="14"/>
      <c r="D93" s="14"/>
      <c r="E93" s="14"/>
      <c r="F93" s="14"/>
      <c r="G93" s="14"/>
      <c r="H93" s="15">
        <v>688135</v>
      </c>
      <c r="I93" s="13">
        <v>688135</v>
      </c>
      <c r="J93" s="15">
        <v>0</v>
      </c>
    </row>
    <row r="94" spans="1:10" x14ac:dyDescent="0.3">
      <c r="A94" s="12" t="s">
        <v>111</v>
      </c>
      <c r="B94" s="14"/>
      <c r="C94" s="14"/>
      <c r="D94" s="14"/>
      <c r="E94" s="14"/>
      <c r="F94" s="14"/>
      <c r="G94" s="14"/>
      <c r="H94" s="15">
        <v>0</v>
      </c>
      <c r="I94" s="13">
        <v>0</v>
      </c>
      <c r="J94" s="15">
        <v>0</v>
      </c>
    </row>
    <row r="95" spans="1:10" x14ac:dyDescent="0.3">
      <c r="A95" s="12" t="s">
        <v>112</v>
      </c>
      <c r="B95" s="14"/>
      <c r="C95" s="14"/>
      <c r="D95" s="14"/>
      <c r="E95" s="14"/>
      <c r="F95" s="14"/>
      <c r="G95" s="14"/>
      <c r="H95" s="15">
        <v>10055908</v>
      </c>
      <c r="I95" s="13">
        <v>3216150</v>
      </c>
      <c r="J95" s="15">
        <v>6839758</v>
      </c>
    </row>
    <row r="96" spans="1:10" x14ac:dyDescent="0.3">
      <c r="A96" s="9" t="s">
        <v>113</v>
      </c>
      <c r="B96" s="10" t="s">
        <v>1</v>
      </c>
      <c r="C96" s="10" t="s">
        <v>1</v>
      </c>
      <c r="D96" s="10" t="s">
        <v>1</v>
      </c>
      <c r="E96" s="10" t="s">
        <v>1</v>
      </c>
      <c r="F96" s="10" t="s">
        <v>1</v>
      </c>
      <c r="G96" s="10" t="s">
        <v>1</v>
      </c>
      <c r="H96" s="11" t="s">
        <v>1</v>
      </c>
      <c r="I96" s="10" t="s">
        <v>1</v>
      </c>
      <c r="J96" s="11" t="s">
        <v>1</v>
      </c>
    </row>
    <row r="97" spans="1:10" x14ac:dyDescent="0.3">
      <c r="A97" s="12" t="s">
        <v>114</v>
      </c>
      <c r="B97" s="13">
        <v>0</v>
      </c>
      <c r="C97" s="13">
        <v>3533</v>
      </c>
      <c r="D97" s="13">
        <v>501</v>
      </c>
      <c r="E97" s="13">
        <v>1927</v>
      </c>
      <c r="F97" s="13">
        <v>1384</v>
      </c>
      <c r="G97" s="14"/>
      <c r="H97" s="15">
        <v>7345</v>
      </c>
      <c r="I97" s="15">
        <v>5917</v>
      </c>
      <c r="J97" s="15">
        <v>1428</v>
      </c>
    </row>
    <row r="98" spans="1:10" x14ac:dyDescent="0.3">
      <c r="A98" s="12" t="s">
        <v>1</v>
      </c>
      <c r="B98" s="14" t="s">
        <v>1</v>
      </c>
      <c r="C98" s="14" t="s">
        <v>1</v>
      </c>
      <c r="D98" s="14" t="s">
        <v>1</v>
      </c>
      <c r="E98" s="14" t="s">
        <v>1</v>
      </c>
      <c r="F98" s="14" t="s">
        <v>1</v>
      </c>
      <c r="G98" s="14" t="s">
        <v>1</v>
      </c>
      <c r="H98" s="16" t="s">
        <v>1</v>
      </c>
      <c r="I98" s="16" t="s">
        <v>1</v>
      </c>
      <c r="J98" s="16" t="s">
        <v>1</v>
      </c>
    </row>
    <row r="99" spans="1:10" x14ac:dyDescent="0.3">
      <c r="A99" s="17" t="s">
        <v>115</v>
      </c>
      <c r="B99" s="14" t="s">
        <v>1</v>
      </c>
      <c r="C99" s="14" t="s">
        <v>1</v>
      </c>
      <c r="D99" s="14" t="s">
        <v>1</v>
      </c>
      <c r="E99" s="14" t="s">
        <v>1</v>
      </c>
      <c r="F99" s="14" t="s">
        <v>1</v>
      </c>
      <c r="G99" s="14" t="s">
        <v>1</v>
      </c>
      <c r="H99" s="16" t="s">
        <v>1</v>
      </c>
      <c r="I99" s="16" t="s">
        <v>1</v>
      </c>
      <c r="J99" s="16" t="s">
        <v>1</v>
      </c>
    </row>
    <row r="100" spans="1:10" x14ac:dyDescent="0.3">
      <c r="A100" s="7" t="s">
        <v>116</v>
      </c>
      <c r="B100" s="23" t="s">
        <v>117</v>
      </c>
      <c r="C100" s="20"/>
      <c r="D100" s="23" t="s">
        <v>118</v>
      </c>
      <c r="E100" s="20"/>
      <c r="F100" s="23" t="s">
        <v>119</v>
      </c>
      <c r="G100" s="20"/>
      <c r="H100" s="16" t="s">
        <v>1</v>
      </c>
      <c r="I100" s="16" t="s">
        <v>1</v>
      </c>
      <c r="J100" s="16" t="s">
        <v>1</v>
      </c>
    </row>
    <row r="101" spans="1:10" x14ac:dyDescent="0.3">
      <c r="A101" s="12" t="s">
        <v>120</v>
      </c>
      <c r="B101" s="19">
        <v>73237543</v>
      </c>
      <c r="C101" s="20"/>
      <c r="D101" s="19">
        <v>73198156.920000002</v>
      </c>
      <c r="E101" s="20"/>
      <c r="F101" s="19">
        <v>39386.080000000002</v>
      </c>
      <c r="G101" s="20"/>
      <c r="H101" s="16" t="s">
        <v>1</v>
      </c>
      <c r="I101" s="16" t="s">
        <v>1</v>
      </c>
      <c r="J101" s="16" t="s">
        <v>1</v>
      </c>
    </row>
    <row r="102" spans="1:10" x14ac:dyDescent="0.3">
      <c r="A102" s="12" t="s">
        <v>121</v>
      </c>
      <c r="B102" s="19">
        <v>991948</v>
      </c>
      <c r="C102" s="20"/>
      <c r="D102" s="19">
        <v>913929.38</v>
      </c>
      <c r="E102" s="20"/>
      <c r="F102" s="19">
        <v>78018.62</v>
      </c>
      <c r="G102" s="20"/>
      <c r="H102" s="16" t="s">
        <v>1</v>
      </c>
      <c r="I102" s="16" t="s">
        <v>1</v>
      </c>
      <c r="J102" s="16" t="s">
        <v>1</v>
      </c>
    </row>
    <row r="103" spans="1:10" ht="26.4" x14ac:dyDescent="0.3">
      <c r="A103" s="12" t="s">
        <v>122</v>
      </c>
      <c r="B103" s="19">
        <v>24680576</v>
      </c>
      <c r="C103" s="20"/>
      <c r="D103" s="19">
        <v>26547237.670000002</v>
      </c>
      <c r="E103" s="20"/>
      <c r="F103" s="19">
        <v>-1866661.67</v>
      </c>
      <c r="G103" s="20"/>
      <c r="H103" s="16" t="s">
        <v>1</v>
      </c>
      <c r="I103" s="16" t="s">
        <v>1</v>
      </c>
      <c r="J103" s="16" t="s">
        <v>1</v>
      </c>
    </row>
    <row r="104" spans="1:10" x14ac:dyDescent="0.3">
      <c r="A104" s="12" t="s">
        <v>5</v>
      </c>
      <c r="B104" s="19">
        <v>10102281</v>
      </c>
      <c r="C104" s="20"/>
      <c r="D104" s="19">
        <v>10048213.65</v>
      </c>
      <c r="E104" s="20"/>
      <c r="F104" s="19">
        <v>54067.35</v>
      </c>
      <c r="G104" s="20"/>
      <c r="H104" s="16" t="s">
        <v>1</v>
      </c>
      <c r="I104" s="16" t="s">
        <v>1</v>
      </c>
      <c r="J104" s="16" t="s">
        <v>1</v>
      </c>
    </row>
    <row r="105" spans="1:10" x14ac:dyDescent="0.3">
      <c r="A105" s="12" t="s">
        <v>123</v>
      </c>
      <c r="B105" s="19">
        <v>109012348</v>
      </c>
      <c r="C105" s="20"/>
      <c r="D105" s="19">
        <v>110707537.62</v>
      </c>
      <c r="E105" s="20"/>
      <c r="F105" s="19">
        <v>-1695189.62</v>
      </c>
      <c r="G105" s="20"/>
      <c r="H105" s="16" t="s">
        <v>1</v>
      </c>
      <c r="I105" s="16" t="s">
        <v>1</v>
      </c>
      <c r="J105" s="16" t="s">
        <v>1</v>
      </c>
    </row>
  </sheetData>
  <mergeCells count="19">
    <mergeCell ref="D1:F1"/>
    <mergeCell ref="B100:C100"/>
    <mergeCell ref="D100:E100"/>
    <mergeCell ref="F100:G100"/>
    <mergeCell ref="B101:C101"/>
    <mergeCell ref="D101:E101"/>
    <mergeCell ref="F101:G101"/>
    <mergeCell ref="B102:C102"/>
    <mergeCell ref="D102:E102"/>
    <mergeCell ref="F102:G102"/>
    <mergeCell ref="B103:C103"/>
    <mergeCell ref="D103:E103"/>
    <mergeCell ref="F103:G103"/>
    <mergeCell ref="B104:C104"/>
    <mergeCell ref="D104:E104"/>
    <mergeCell ref="F104:G104"/>
    <mergeCell ref="B105:C105"/>
    <mergeCell ref="D105:E105"/>
    <mergeCell ref="F105:G105"/>
  </mergeCells>
  <pageMargins left="0.98425196850393704" right="0.98425196850393704" top="0.98425196850393704" bottom="0.98425196850393704" header="0.98425196850393704" footer="0.98425196850393704"/>
  <pageSetup paperSize="9" orientation="portrait" horizontalDpi="300" verticalDpi="300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4F913C0-095B-4FF0-8EBA-2765C00669AE}">
  <dimension ref="A1:K53"/>
  <sheetViews>
    <sheetView showGridLines="0" workbookViewId="0">
      <selection activeCell="E17" sqref="E17"/>
    </sheetView>
  </sheetViews>
  <sheetFormatPr defaultRowHeight="14.4" x14ac:dyDescent="0.3"/>
  <cols>
    <col min="1" max="1" width="75.5546875" customWidth="1"/>
    <col min="2" max="11" width="18.88671875" customWidth="1"/>
    <col min="12" max="12" width="0" hidden="1" customWidth="1"/>
  </cols>
  <sheetData>
    <row r="1" spans="1:11" ht="16.95" customHeight="1" x14ac:dyDescent="0.3">
      <c r="A1" s="24" t="s">
        <v>124</v>
      </c>
      <c r="B1" s="21" t="s">
        <v>125</v>
      </c>
      <c r="C1" s="22"/>
      <c r="D1" s="22"/>
      <c r="E1" s="21" t="s">
        <v>1</v>
      </c>
      <c r="F1" s="22"/>
      <c r="G1" s="22"/>
      <c r="H1" s="25" t="s">
        <v>1</v>
      </c>
      <c r="I1" s="25" t="s">
        <v>1</v>
      </c>
      <c r="J1" s="25" t="s">
        <v>1</v>
      </c>
      <c r="K1" s="25" t="s">
        <v>1</v>
      </c>
    </row>
    <row r="2" spans="1:11" x14ac:dyDescent="0.3">
      <c r="A2" s="24" t="s">
        <v>126</v>
      </c>
      <c r="B2" s="21" t="s">
        <v>3</v>
      </c>
      <c r="C2" s="22"/>
      <c r="D2" s="22"/>
      <c r="E2" s="21" t="s">
        <v>1</v>
      </c>
      <c r="F2" s="22"/>
      <c r="G2" s="22"/>
      <c r="H2" s="25" t="s">
        <v>1</v>
      </c>
      <c r="I2" s="25" t="s">
        <v>1</v>
      </c>
      <c r="J2" s="25" t="s">
        <v>1</v>
      </c>
      <c r="K2" s="25" t="s">
        <v>1</v>
      </c>
    </row>
    <row r="3" spans="1:11" x14ac:dyDescent="0.3">
      <c r="A3" s="24" t="s">
        <v>127</v>
      </c>
      <c r="B3" s="21" t="s">
        <v>1</v>
      </c>
      <c r="C3" s="22"/>
      <c r="D3" s="22"/>
      <c r="E3" s="21" t="s">
        <v>1</v>
      </c>
      <c r="F3" s="22"/>
      <c r="G3" s="22"/>
      <c r="H3" s="25" t="s">
        <v>1</v>
      </c>
      <c r="I3" s="25" t="s">
        <v>1</v>
      </c>
      <c r="J3" s="25" t="s">
        <v>1</v>
      </c>
      <c r="K3" s="25" t="s">
        <v>1</v>
      </c>
    </row>
    <row r="4" spans="1:11" x14ac:dyDescent="0.3">
      <c r="A4" s="25" t="s">
        <v>1</v>
      </c>
      <c r="B4" s="25" t="s">
        <v>1</v>
      </c>
      <c r="C4" s="25" t="s">
        <v>1</v>
      </c>
      <c r="D4" s="25" t="s">
        <v>1</v>
      </c>
      <c r="E4" s="25" t="s">
        <v>1</v>
      </c>
      <c r="F4" s="25" t="s">
        <v>1</v>
      </c>
      <c r="G4" s="25" t="s">
        <v>1</v>
      </c>
      <c r="H4" s="25" t="s">
        <v>1</v>
      </c>
      <c r="I4" s="25" t="s">
        <v>1</v>
      </c>
      <c r="J4" s="25" t="s">
        <v>1</v>
      </c>
      <c r="K4" s="25" t="s">
        <v>1</v>
      </c>
    </row>
    <row r="5" spans="1:11" x14ac:dyDescent="0.3">
      <c r="A5" s="26" t="s">
        <v>128</v>
      </c>
      <c r="B5" s="27" t="s">
        <v>1</v>
      </c>
      <c r="C5" s="28" t="s">
        <v>129</v>
      </c>
      <c r="D5" s="29"/>
      <c r="E5" s="20"/>
      <c r="F5" s="27" t="s">
        <v>1</v>
      </c>
      <c r="G5" s="27" t="s">
        <v>1</v>
      </c>
      <c r="H5" s="27" t="s">
        <v>1</v>
      </c>
      <c r="I5" s="27" t="s">
        <v>1</v>
      </c>
      <c r="J5" s="27" t="s">
        <v>1</v>
      </c>
      <c r="K5" s="27" t="s">
        <v>1</v>
      </c>
    </row>
    <row r="6" spans="1:11" ht="41.4" x14ac:dyDescent="0.3">
      <c r="A6" s="30" t="s">
        <v>1</v>
      </c>
      <c r="B6" s="31" t="s">
        <v>130</v>
      </c>
      <c r="C6" s="8" t="s">
        <v>131</v>
      </c>
      <c r="D6" s="8" t="s">
        <v>132</v>
      </c>
      <c r="E6" s="31" t="s">
        <v>133</v>
      </c>
      <c r="F6" s="31" t="s">
        <v>134</v>
      </c>
      <c r="G6" s="31" t="s">
        <v>135</v>
      </c>
      <c r="H6" s="31" t="s">
        <v>136</v>
      </c>
      <c r="I6" s="31" t="s">
        <v>137</v>
      </c>
      <c r="J6" s="31" t="s">
        <v>138</v>
      </c>
      <c r="K6" s="31" t="s">
        <v>139</v>
      </c>
    </row>
    <row r="7" spans="1:11" x14ac:dyDescent="0.3">
      <c r="A7" s="32" t="s">
        <v>1</v>
      </c>
      <c r="B7" s="8" t="s">
        <v>140</v>
      </c>
      <c r="C7" s="8" t="s">
        <v>141</v>
      </c>
      <c r="D7" s="8" t="s">
        <v>142</v>
      </c>
      <c r="E7" s="8" t="s">
        <v>143</v>
      </c>
      <c r="F7" s="8" t="s">
        <v>144</v>
      </c>
      <c r="G7" s="8" t="s">
        <v>145</v>
      </c>
      <c r="H7" s="8" t="s">
        <v>146</v>
      </c>
      <c r="I7" s="8" t="s">
        <v>147</v>
      </c>
      <c r="J7" s="8" t="s">
        <v>148</v>
      </c>
      <c r="K7" s="8" t="s">
        <v>149</v>
      </c>
    </row>
    <row r="8" spans="1:11" ht="28.35" customHeight="1" x14ac:dyDescent="0.3">
      <c r="A8" s="17" t="s">
        <v>150</v>
      </c>
      <c r="B8" s="33" t="s">
        <v>1</v>
      </c>
      <c r="C8" s="33" t="s">
        <v>1</v>
      </c>
      <c r="D8" s="33" t="s">
        <v>1</v>
      </c>
      <c r="E8" s="33" t="s">
        <v>1</v>
      </c>
      <c r="F8" s="33" t="s">
        <v>1</v>
      </c>
      <c r="G8" s="33" t="s">
        <v>1</v>
      </c>
      <c r="H8" s="33" t="s">
        <v>1</v>
      </c>
      <c r="I8" s="33" t="s">
        <v>1</v>
      </c>
      <c r="J8" s="33" t="s">
        <v>1</v>
      </c>
      <c r="K8" s="34" t="s">
        <v>1</v>
      </c>
    </row>
    <row r="9" spans="1:11" x14ac:dyDescent="0.3">
      <c r="A9" s="35" t="s">
        <v>151</v>
      </c>
      <c r="B9" s="18">
        <v>319847</v>
      </c>
      <c r="C9" s="18">
        <v>17</v>
      </c>
      <c r="D9" s="18">
        <v>0</v>
      </c>
      <c r="E9" s="18">
        <v>0</v>
      </c>
      <c r="F9" s="18">
        <v>319864</v>
      </c>
      <c r="G9" s="18">
        <v>61129</v>
      </c>
      <c r="H9" s="18">
        <v>258735</v>
      </c>
      <c r="I9" s="18">
        <v>0</v>
      </c>
      <c r="J9" s="18">
        <v>0</v>
      </c>
      <c r="K9" s="36">
        <v>258735</v>
      </c>
    </row>
    <row r="10" spans="1:11" ht="26.4" x14ac:dyDescent="0.3">
      <c r="A10" s="35" t="s">
        <v>152</v>
      </c>
      <c r="B10" s="18">
        <v>0</v>
      </c>
      <c r="C10" s="18">
        <v>0</v>
      </c>
      <c r="D10" s="18">
        <v>0</v>
      </c>
      <c r="E10" s="18">
        <v>0</v>
      </c>
      <c r="F10" s="18">
        <v>0</v>
      </c>
      <c r="G10" s="18">
        <v>0</v>
      </c>
      <c r="H10" s="18">
        <v>0</v>
      </c>
      <c r="I10" s="18">
        <v>0</v>
      </c>
      <c r="J10" s="18">
        <v>0</v>
      </c>
      <c r="K10" s="36">
        <v>0</v>
      </c>
    </row>
    <row r="11" spans="1:11" x14ac:dyDescent="0.3">
      <c r="A11" s="35" t="s">
        <v>153</v>
      </c>
      <c r="B11" s="18">
        <v>7557</v>
      </c>
      <c r="C11" s="18">
        <v>0</v>
      </c>
      <c r="D11" s="18">
        <v>0</v>
      </c>
      <c r="E11" s="18">
        <v>0</v>
      </c>
      <c r="F11" s="18">
        <v>7557</v>
      </c>
      <c r="G11" s="18">
        <v>1020</v>
      </c>
      <c r="H11" s="18">
        <v>6537</v>
      </c>
      <c r="I11" s="18">
        <v>2241</v>
      </c>
      <c r="J11" s="18">
        <v>0</v>
      </c>
      <c r="K11" s="36">
        <v>4296</v>
      </c>
    </row>
    <row r="12" spans="1:11" x14ac:dyDescent="0.3">
      <c r="A12" s="35" t="s">
        <v>154</v>
      </c>
      <c r="B12" s="18">
        <v>39447</v>
      </c>
      <c r="C12" s="18">
        <v>0</v>
      </c>
      <c r="D12" s="18">
        <v>0</v>
      </c>
      <c r="E12" s="18">
        <v>0</v>
      </c>
      <c r="F12" s="18">
        <v>39447</v>
      </c>
      <c r="G12" s="18">
        <v>21957</v>
      </c>
      <c r="H12" s="18">
        <v>17490</v>
      </c>
      <c r="I12" s="18">
        <v>5229</v>
      </c>
      <c r="J12" s="18">
        <v>0</v>
      </c>
      <c r="K12" s="36">
        <v>12261</v>
      </c>
    </row>
    <row r="13" spans="1:11" x14ac:dyDescent="0.3">
      <c r="A13" s="35" t="s">
        <v>155</v>
      </c>
      <c r="B13" s="18">
        <v>366851</v>
      </c>
      <c r="C13" s="18">
        <v>17</v>
      </c>
      <c r="D13" s="18">
        <v>0</v>
      </c>
      <c r="E13" s="18">
        <v>0</v>
      </c>
      <c r="F13" s="18">
        <v>366868</v>
      </c>
      <c r="G13" s="18">
        <v>84106</v>
      </c>
      <c r="H13" s="18">
        <v>282762</v>
      </c>
      <c r="I13" s="18">
        <v>7470</v>
      </c>
      <c r="J13" s="18">
        <v>0</v>
      </c>
      <c r="K13" s="36">
        <v>275292</v>
      </c>
    </row>
    <row r="14" spans="1:11" ht="16.95" customHeight="1" x14ac:dyDescent="0.3">
      <c r="A14" s="17" t="s">
        <v>156</v>
      </c>
      <c r="B14" s="33" t="s">
        <v>1</v>
      </c>
      <c r="C14" s="33" t="s">
        <v>1</v>
      </c>
      <c r="D14" s="33" t="s">
        <v>1</v>
      </c>
      <c r="E14" s="33" t="s">
        <v>1</v>
      </c>
      <c r="F14" s="33" t="s">
        <v>1</v>
      </c>
      <c r="G14" s="33" t="s">
        <v>1</v>
      </c>
      <c r="H14" s="33" t="s">
        <v>1</v>
      </c>
      <c r="I14" s="33" t="s">
        <v>1</v>
      </c>
      <c r="J14" s="33" t="s">
        <v>1</v>
      </c>
      <c r="K14" s="34" t="s">
        <v>1</v>
      </c>
    </row>
    <row r="15" spans="1:11" x14ac:dyDescent="0.3">
      <c r="A15" s="35" t="s">
        <v>157</v>
      </c>
      <c r="B15" s="18">
        <v>223527</v>
      </c>
      <c r="C15" s="18">
        <v>3949628</v>
      </c>
      <c r="D15" s="18">
        <v>1696</v>
      </c>
      <c r="E15" s="18">
        <v>0</v>
      </c>
      <c r="F15" s="18">
        <v>4174851</v>
      </c>
      <c r="G15" s="18">
        <v>0</v>
      </c>
      <c r="H15" s="18">
        <v>4174851</v>
      </c>
      <c r="I15" s="18">
        <v>51247</v>
      </c>
      <c r="J15" s="18">
        <v>0</v>
      </c>
      <c r="K15" s="36">
        <v>4123604</v>
      </c>
    </row>
    <row r="16" spans="1:11" x14ac:dyDescent="0.3">
      <c r="A16" s="35" t="s">
        <v>158</v>
      </c>
      <c r="B16" s="18">
        <v>767262</v>
      </c>
      <c r="C16" s="18">
        <v>1124754</v>
      </c>
      <c r="D16" s="18">
        <v>2747</v>
      </c>
      <c r="E16" s="18">
        <v>0</v>
      </c>
      <c r="F16" s="18">
        <v>1894763</v>
      </c>
      <c r="G16" s="18">
        <v>0</v>
      </c>
      <c r="H16" s="18">
        <v>1894763</v>
      </c>
      <c r="I16" s="18">
        <v>0</v>
      </c>
      <c r="J16" s="18">
        <v>0</v>
      </c>
      <c r="K16" s="36">
        <v>1894763</v>
      </c>
    </row>
    <row r="17" spans="1:11" x14ac:dyDescent="0.3">
      <c r="A17" s="35" t="s">
        <v>159</v>
      </c>
      <c r="B17" s="18">
        <v>1691251</v>
      </c>
      <c r="C17" s="18">
        <v>0</v>
      </c>
      <c r="D17" s="18">
        <v>0</v>
      </c>
      <c r="E17" s="18">
        <v>0</v>
      </c>
      <c r="F17" s="18">
        <v>1691251</v>
      </c>
      <c r="G17" s="18">
        <v>5198</v>
      </c>
      <c r="H17" s="18">
        <v>1686053</v>
      </c>
      <c r="I17" s="18">
        <v>54280</v>
      </c>
      <c r="J17" s="18">
        <v>0</v>
      </c>
      <c r="K17" s="36">
        <v>1631773</v>
      </c>
    </row>
    <row r="18" spans="1:11" x14ac:dyDescent="0.3">
      <c r="A18" s="35" t="s">
        <v>160</v>
      </c>
      <c r="B18" s="18">
        <v>404992</v>
      </c>
      <c r="C18" s="18">
        <v>0</v>
      </c>
      <c r="D18" s="18">
        <v>294340</v>
      </c>
      <c r="E18" s="18">
        <v>0</v>
      </c>
      <c r="F18" s="18">
        <v>699332</v>
      </c>
      <c r="G18" s="18">
        <v>18110</v>
      </c>
      <c r="H18" s="18">
        <v>681222</v>
      </c>
      <c r="I18" s="18">
        <v>0</v>
      </c>
      <c r="J18" s="18">
        <v>0</v>
      </c>
      <c r="K18" s="36">
        <v>681222</v>
      </c>
    </row>
    <row r="19" spans="1:11" x14ac:dyDescent="0.3">
      <c r="A19" s="35" t="s">
        <v>161</v>
      </c>
      <c r="B19" s="18">
        <v>1163080</v>
      </c>
      <c r="C19" s="18">
        <v>54</v>
      </c>
      <c r="D19" s="18">
        <v>0</v>
      </c>
      <c r="E19" s="18">
        <v>0</v>
      </c>
      <c r="F19" s="18">
        <v>1163134</v>
      </c>
      <c r="G19" s="18">
        <v>0</v>
      </c>
      <c r="H19" s="18">
        <v>1163134</v>
      </c>
      <c r="I19" s="18">
        <v>0</v>
      </c>
      <c r="J19" s="18">
        <v>0</v>
      </c>
      <c r="K19" s="36">
        <v>1163134</v>
      </c>
    </row>
    <row r="20" spans="1:11" x14ac:dyDescent="0.3">
      <c r="A20" s="35" t="s">
        <v>162</v>
      </c>
      <c r="B20" s="18">
        <v>14022</v>
      </c>
      <c r="C20" s="18">
        <v>258561</v>
      </c>
      <c r="D20" s="18">
        <v>0</v>
      </c>
      <c r="E20" s="18">
        <v>0</v>
      </c>
      <c r="F20" s="18">
        <v>272583</v>
      </c>
      <c r="G20" s="18">
        <v>0</v>
      </c>
      <c r="H20" s="18">
        <v>272583</v>
      </c>
      <c r="I20" s="18">
        <v>0</v>
      </c>
      <c r="J20" s="18">
        <v>0</v>
      </c>
      <c r="K20" s="36">
        <v>272583</v>
      </c>
    </row>
    <row r="21" spans="1:11" x14ac:dyDescent="0.3">
      <c r="A21" s="35" t="s">
        <v>163</v>
      </c>
      <c r="B21" s="18">
        <v>0</v>
      </c>
      <c r="C21" s="18">
        <v>0</v>
      </c>
      <c r="D21" s="18">
        <v>0</v>
      </c>
      <c r="E21" s="18">
        <v>0</v>
      </c>
      <c r="F21" s="18">
        <v>0</v>
      </c>
      <c r="G21" s="18">
        <v>0</v>
      </c>
      <c r="H21" s="18">
        <v>0</v>
      </c>
      <c r="I21" s="18">
        <v>0</v>
      </c>
      <c r="J21" s="18">
        <v>0</v>
      </c>
      <c r="K21" s="36">
        <v>0</v>
      </c>
    </row>
    <row r="22" spans="1:11" x14ac:dyDescent="0.3">
      <c r="A22" s="35" t="s">
        <v>164</v>
      </c>
      <c r="B22" s="18">
        <v>726973</v>
      </c>
      <c r="C22" s="18">
        <v>54</v>
      </c>
      <c r="D22" s="18">
        <v>0</v>
      </c>
      <c r="E22" s="18">
        <v>0</v>
      </c>
      <c r="F22" s="18">
        <v>727027</v>
      </c>
      <c r="G22" s="18">
        <v>0</v>
      </c>
      <c r="H22" s="18">
        <v>727027</v>
      </c>
      <c r="I22" s="18">
        <v>0</v>
      </c>
      <c r="J22" s="18">
        <v>0</v>
      </c>
      <c r="K22" s="36">
        <v>727027</v>
      </c>
    </row>
    <row r="23" spans="1:11" x14ac:dyDescent="0.3">
      <c r="A23" s="35" t="s">
        <v>165</v>
      </c>
      <c r="B23" s="18">
        <v>351527</v>
      </c>
      <c r="C23" s="18">
        <v>0</v>
      </c>
      <c r="D23" s="18">
        <v>0</v>
      </c>
      <c r="E23" s="18">
        <v>0</v>
      </c>
      <c r="F23" s="18">
        <v>351527</v>
      </c>
      <c r="G23" s="18">
        <v>7862</v>
      </c>
      <c r="H23" s="18">
        <v>343665</v>
      </c>
      <c r="I23" s="18">
        <v>30000</v>
      </c>
      <c r="J23" s="18">
        <v>0</v>
      </c>
      <c r="K23" s="36">
        <v>313665</v>
      </c>
    </row>
    <row r="24" spans="1:11" x14ac:dyDescent="0.3">
      <c r="A24" s="35" t="s">
        <v>166</v>
      </c>
      <c r="B24" s="18">
        <v>918904</v>
      </c>
      <c r="C24" s="18">
        <v>748195</v>
      </c>
      <c r="D24" s="18">
        <v>0</v>
      </c>
      <c r="E24" s="18">
        <v>0</v>
      </c>
      <c r="F24" s="18">
        <v>1667099</v>
      </c>
      <c r="G24" s="18">
        <v>0</v>
      </c>
      <c r="H24" s="18">
        <v>1667099</v>
      </c>
      <c r="I24" s="18">
        <v>157587</v>
      </c>
      <c r="J24" s="18">
        <v>0</v>
      </c>
      <c r="K24" s="36">
        <v>1509512</v>
      </c>
    </row>
    <row r="25" spans="1:11" x14ac:dyDescent="0.3">
      <c r="A25" s="35" t="s">
        <v>167</v>
      </c>
      <c r="B25" s="18">
        <v>509049</v>
      </c>
      <c r="C25" s="18">
        <v>1016503</v>
      </c>
      <c r="D25" s="18">
        <v>0</v>
      </c>
      <c r="E25" s="18">
        <v>0</v>
      </c>
      <c r="F25" s="18">
        <v>1525552</v>
      </c>
      <c r="G25" s="18">
        <v>0</v>
      </c>
      <c r="H25" s="18">
        <v>1525552</v>
      </c>
      <c r="I25" s="18">
        <v>1658662</v>
      </c>
      <c r="J25" s="18">
        <v>0</v>
      </c>
      <c r="K25" s="36">
        <v>-133110</v>
      </c>
    </row>
    <row r="26" spans="1:11" x14ac:dyDescent="0.3">
      <c r="A26" s="35" t="s">
        <v>168</v>
      </c>
      <c r="B26" s="18">
        <v>6770587</v>
      </c>
      <c r="C26" s="18">
        <v>7097749</v>
      </c>
      <c r="D26" s="18">
        <v>298783</v>
      </c>
      <c r="E26" s="18">
        <v>0</v>
      </c>
      <c r="F26" s="18">
        <v>14167119</v>
      </c>
      <c r="G26" s="18">
        <v>31170</v>
      </c>
      <c r="H26" s="18">
        <v>14135949</v>
      </c>
      <c r="I26" s="18">
        <v>1951776</v>
      </c>
      <c r="J26" s="18">
        <v>0</v>
      </c>
      <c r="K26" s="36">
        <v>12184173</v>
      </c>
    </row>
    <row r="27" spans="1:11" ht="16.95" customHeight="1" x14ac:dyDescent="0.3">
      <c r="A27" s="17" t="s">
        <v>169</v>
      </c>
      <c r="B27" s="33" t="s">
        <v>1</v>
      </c>
      <c r="C27" s="33" t="s">
        <v>1</v>
      </c>
      <c r="D27" s="33" t="s">
        <v>1</v>
      </c>
      <c r="E27" s="33" t="s">
        <v>1</v>
      </c>
      <c r="F27" s="33" t="s">
        <v>1</v>
      </c>
      <c r="G27" s="33" t="s">
        <v>1</v>
      </c>
      <c r="H27" s="33" t="s">
        <v>1</v>
      </c>
      <c r="I27" s="33" t="s">
        <v>1</v>
      </c>
      <c r="J27" s="33" t="s">
        <v>1</v>
      </c>
      <c r="K27" s="34" t="s">
        <v>1</v>
      </c>
    </row>
    <row r="28" spans="1:11" x14ac:dyDescent="0.3">
      <c r="A28" s="35" t="s">
        <v>170</v>
      </c>
      <c r="B28" s="18">
        <v>0</v>
      </c>
      <c r="C28" s="18">
        <v>0</v>
      </c>
      <c r="D28" s="18">
        <v>0</v>
      </c>
      <c r="E28" s="18">
        <v>0</v>
      </c>
      <c r="F28" s="18">
        <v>0</v>
      </c>
      <c r="G28" s="18">
        <v>0</v>
      </c>
      <c r="H28" s="18">
        <v>0</v>
      </c>
      <c r="I28" s="18">
        <v>0</v>
      </c>
      <c r="J28" s="18">
        <v>0</v>
      </c>
      <c r="K28" s="36">
        <v>0</v>
      </c>
    </row>
    <row r="29" spans="1:11" ht="17.100000000000001" customHeight="1" x14ac:dyDescent="0.3">
      <c r="A29" s="17" t="s">
        <v>171</v>
      </c>
      <c r="B29" s="33" t="s">
        <v>1</v>
      </c>
      <c r="C29" s="33" t="s">
        <v>1</v>
      </c>
      <c r="D29" s="33" t="s">
        <v>1</v>
      </c>
      <c r="E29" s="33" t="s">
        <v>1</v>
      </c>
      <c r="F29" s="33" t="s">
        <v>1</v>
      </c>
      <c r="G29" s="33" t="s">
        <v>1</v>
      </c>
      <c r="H29" s="33" t="s">
        <v>1</v>
      </c>
      <c r="I29" s="33" t="s">
        <v>1</v>
      </c>
      <c r="J29" s="33" t="s">
        <v>1</v>
      </c>
      <c r="K29" s="34" t="s">
        <v>1</v>
      </c>
    </row>
    <row r="30" spans="1:11" x14ac:dyDescent="0.3">
      <c r="A30" s="35" t="s">
        <v>172</v>
      </c>
      <c r="B30" s="18">
        <v>6631344</v>
      </c>
      <c r="C30" s="18">
        <v>90359</v>
      </c>
      <c r="D30" s="18">
        <v>1167358</v>
      </c>
      <c r="E30" s="18">
        <v>44922</v>
      </c>
      <c r="F30" s="18">
        <v>7933983</v>
      </c>
      <c r="G30" s="18">
        <v>23922</v>
      </c>
      <c r="H30" s="18">
        <v>7910061</v>
      </c>
      <c r="I30" s="18">
        <v>144231</v>
      </c>
      <c r="J30" s="18">
        <v>0</v>
      </c>
      <c r="K30" s="36">
        <v>7765830</v>
      </c>
    </row>
    <row r="31" spans="1:11" x14ac:dyDescent="0.3">
      <c r="A31" s="35" t="s">
        <v>173</v>
      </c>
      <c r="B31" s="18">
        <v>2383868</v>
      </c>
      <c r="C31" s="18">
        <v>0</v>
      </c>
      <c r="D31" s="18">
        <v>0</v>
      </c>
      <c r="E31" s="18">
        <v>13212</v>
      </c>
      <c r="F31" s="18">
        <v>2397080</v>
      </c>
      <c r="G31" s="18">
        <v>21785</v>
      </c>
      <c r="H31" s="18">
        <v>2375295</v>
      </c>
      <c r="I31" s="18">
        <v>0</v>
      </c>
      <c r="J31" s="18">
        <v>0</v>
      </c>
      <c r="K31" s="36">
        <v>2375295</v>
      </c>
    </row>
    <row r="32" spans="1:11" x14ac:dyDescent="0.3">
      <c r="A32" s="35" t="s">
        <v>174</v>
      </c>
      <c r="B32" s="18">
        <v>88151</v>
      </c>
      <c r="C32" s="18">
        <v>0</v>
      </c>
      <c r="D32" s="18">
        <v>50000</v>
      </c>
      <c r="E32" s="18">
        <v>0</v>
      </c>
      <c r="F32" s="18">
        <v>138151</v>
      </c>
      <c r="G32" s="18">
        <v>4</v>
      </c>
      <c r="H32" s="18">
        <v>138147</v>
      </c>
      <c r="I32" s="18">
        <v>0</v>
      </c>
      <c r="J32" s="18">
        <v>0</v>
      </c>
      <c r="K32" s="36">
        <v>138147</v>
      </c>
    </row>
    <row r="33" spans="1:11" x14ac:dyDescent="0.3">
      <c r="A33" s="35" t="s">
        <v>175</v>
      </c>
      <c r="B33" s="18">
        <v>9103363</v>
      </c>
      <c r="C33" s="18">
        <v>90359</v>
      </c>
      <c r="D33" s="18">
        <v>1217358</v>
      </c>
      <c r="E33" s="18">
        <v>58134</v>
      </c>
      <c r="F33" s="18">
        <v>10469214</v>
      </c>
      <c r="G33" s="18">
        <v>45711</v>
      </c>
      <c r="H33" s="18">
        <v>10423503</v>
      </c>
      <c r="I33" s="18">
        <v>144231</v>
      </c>
      <c r="J33" s="18">
        <v>0</v>
      </c>
      <c r="K33" s="36">
        <v>10279272</v>
      </c>
    </row>
    <row r="34" spans="1:11" ht="16.95" customHeight="1" x14ac:dyDescent="0.3">
      <c r="A34" s="17" t="s">
        <v>176</v>
      </c>
      <c r="B34" s="33" t="s">
        <v>1</v>
      </c>
      <c r="C34" s="33" t="s">
        <v>1</v>
      </c>
      <c r="D34" s="33" t="s">
        <v>1</v>
      </c>
      <c r="E34" s="33" t="s">
        <v>1</v>
      </c>
      <c r="F34" s="33" t="s">
        <v>1</v>
      </c>
      <c r="G34" s="33" t="s">
        <v>1</v>
      </c>
      <c r="H34" s="33" t="s">
        <v>1</v>
      </c>
      <c r="I34" s="33" t="s">
        <v>1</v>
      </c>
      <c r="J34" s="33" t="s">
        <v>1</v>
      </c>
      <c r="K34" s="34" t="s">
        <v>1</v>
      </c>
    </row>
    <row r="35" spans="1:11" x14ac:dyDescent="0.3">
      <c r="A35" s="35" t="s">
        <v>177</v>
      </c>
      <c r="B35" s="18">
        <v>375629</v>
      </c>
      <c r="C35" s="18">
        <v>118418</v>
      </c>
      <c r="D35" s="18">
        <v>0</v>
      </c>
      <c r="E35" s="18">
        <v>45814</v>
      </c>
      <c r="F35" s="18">
        <v>539861</v>
      </c>
      <c r="G35" s="18">
        <v>0</v>
      </c>
      <c r="H35" s="18">
        <v>539861</v>
      </c>
      <c r="I35" s="18">
        <v>0</v>
      </c>
      <c r="J35" s="18">
        <v>0</v>
      </c>
      <c r="K35" s="36">
        <v>539861</v>
      </c>
    </row>
    <row r="36" spans="1:11" x14ac:dyDescent="0.3">
      <c r="A36" s="35" t="s">
        <v>178</v>
      </c>
      <c r="B36" s="18">
        <v>692086</v>
      </c>
      <c r="C36" s="18">
        <v>124</v>
      </c>
      <c r="D36" s="18">
        <v>0</v>
      </c>
      <c r="E36" s="18">
        <v>71436</v>
      </c>
      <c r="F36" s="18">
        <v>763646</v>
      </c>
      <c r="G36" s="18">
        <v>0</v>
      </c>
      <c r="H36" s="18">
        <v>763646</v>
      </c>
      <c r="I36" s="18">
        <v>0</v>
      </c>
      <c r="J36" s="18">
        <v>0</v>
      </c>
      <c r="K36" s="36">
        <v>763646</v>
      </c>
    </row>
    <row r="37" spans="1:11" x14ac:dyDescent="0.3">
      <c r="A37" s="35" t="s">
        <v>179</v>
      </c>
      <c r="B37" s="18">
        <v>2324030</v>
      </c>
      <c r="C37" s="18">
        <v>0</v>
      </c>
      <c r="D37" s="18">
        <v>0</v>
      </c>
      <c r="E37" s="18">
        <v>0</v>
      </c>
      <c r="F37" s="18">
        <v>2324030</v>
      </c>
      <c r="G37" s="18">
        <v>10900</v>
      </c>
      <c r="H37" s="18">
        <v>2313130</v>
      </c>
      <c r="I37" s="18">
        <v>0</v>
      </c>
      <c r="J37" s="18">
        <v>0</v>
      </c>
      <c r="K37" s="36">
        <v>2313130</v>
      </c>
    </row>
    <row r="38" spans="1:11" x14ac:dyDescent="0.3">
      <c r="A38" s="35" t="s">
        <v>180</v>
      </c>
      <c r="B38" s="18">
        <v>1348477</v>
      </c>
      <c r="C38" s="18">
        <v>0</v>
      </c>
      <c r="D38" s="18">
        <v>0</v>
      </c>
      <c r="E38" s="18">
        <v>7927</v>
      </c>
      <c r="F38" s="18">
        <v>1356404</v>
      </c>
      <c r="G38" s="18">
        <v>165</v>
      </c>
      <c r="H38" s="18">
        <v>1356239</v>
      </c>
      <c r="I38" s="18">
        <v>532955</v>
      </c>
      <c r="J38" s="18">
        <v>0</v>
      </c>
      <c r="K38" s="36">
        <v>823284</v>
      </c>
    </row>
    <row r="39" spans="1:11" x14ac:dyDescent="0.3">
      <c r="A39" s="35" t="s">
        <v>181</v>
      </c>
      <c r="B39" s="18">
        <v>0</v>
      </c>
      <c r="C39" s="18">
        <v>0</v>
      </c>
      <c r="D39" s="18">
        <v>0</v>
      </c>
      <c r="E39" s="18">
        <v>0</v>
      </c>
      <c r="F39" s="18">
        <v>0</v>
      </c>
      <c r="G39" s="18">
        <v>0</v>
      </c>
      <c r="H39" s="18">
        <v>0</v>
      </c>
      <c r="I39" s="18">
        <v>0</v>
      </c>
      <c r="J39" s="18">
        <v>0</v>
      </c>
      <c r="K39" s="36">
        <v>0</v>
      </c>
    </row>
    <row r="40" spans="1:11" x14ac:dyDescent="0.3">
      <c r="A40" s="35" t="s">
        <v>182</v>
      </c>
      <c r="B40" s="18">
        <v>4740222</v>
      </c>
      <c r="C40" s="18">
        <v>118542</v>
      </c>
      <c r="D40" s="18">
        <v>0</v>
      </c>
      <c r="E40" s="18">
        <v>125177</v>
      </c>
      <c r="F40" s="18">
        <v>4983941</v>
      </c>
      <c r="G40" s="18">
        <v>11065</v>
      </c>
      <c r="H40" s="18">
        <v>4972876</v>
      </c>
      <c r="I40" s="18">
        <v>532955</v>
      </c>
      <c r="J40" s="18">
        <v>0</v>
      </c>
      <c r="K40" s="36">
        <v>4439921</v>
      </c>
    </row>
    <row r="41" spans="1:11" ht="17.100000000000001" customHeight="1" x14ac:dyDescent="0.3">
      <c r="A41" s="17" t="s">
        <v>183</v>
      </c>
      <c r="B41" s="33" t="s">
        <v>1</v>
      </c>
      <c r="C41" s="33" t="s">
        <v>1</v>
      </c>
      <c r="D41" s="33" t="s">
        <v>1</v>
      </c>
      <c r="E41" s="33" t="s">
        <v>1</v>
      </c>
      <c r="F41" s="33" t="s">
        <v>1</v>
      </c>
      <c r="G41" s="33" t="s">
        <v>1</v>
      </c>
      <c r="H41" s="33" t="s">
        <v>1</v>
      </c>
      <c r="I41" s="33" t="s">
        <v>1</v>
      </c>
      <c r="J41" s="33" t="s">
        <v>1</v>
      </c>
      <c r="K41" s="34" t="s">
        <v>1</v>
      </c>
    </row>
    <row r="42" spans="1:11" x14ac:dyDescent="0.3">
      <c r="A42" s="35" t="s">
        <v>184</v>
      </c>
      <c r="B42" s="18">
        <v>0</v>
      </c>
      <c r="C42" s="18">
        <v>0</v>
      </c>
      <c r="D42" s="18">
        <v>0</v>
      </c>
      <c r="E42" s="18">
        <v>0</v>
      </c>
      <c r="F42" s="18">
        <v>0</v>
      </c>
      <c r="G42" s="18">
        <v>0</v>
      </c>
      <c r="H42" s="18">
        <v>0</v>
      </c>
      <c r="I42" s="18">
        <v>0</v>
      </c>
      <c r="J42" s="18">
        <v>0</v>
      </c>
      <c r="K42" s="36">
        <v>0</v>
      </c>
    </row>
    <row r="43" spans="1:11" x14ac:dyDescent="0.3">
      <c r="A43" s="35" t="s">
        <v>185</v>
      </c>
      <c r="B43" s="18">
        <v>551191</v>
      </c>
      <c r="C43" s="18">
        <v>0</v>
      </c>
      <c r="D43" s="18">
        <v>0</v>
      </c>
      <c r="E43" s="18">
        <v>0</v>
      </c>
      <c r="F43" s="18">
        <v>551191</v>
      </c>
      <c r="G43" s="18">
        <v>0</v>
      </c>
      <c r="H43" s="18">
        <v>551191</v>
      </c>
      <c r="I43" s="18">
        <v>266874</v>
      </c>
      <c r="J43" s="18">
        <v>0</v>
      </c>
      <c r="K43" s="36">
        <v>284317</v>
      </c>
    </row>
    <row r="44" spans="1:11" x14ac:dyDescent="0.3">
      <c r="A44" s="35" t="s">
        <v>186</v>
      </c>
      <c r="B44" s="18">
        <v>551191</v>
      </c>
      <c r="C44" s="18">
        <v>0</v>
      </c>
      <c r="D44" s="18">
        <v>0</v>
      </c>
      <c r="E44" s="18">
        <v>0</v>
      </c>
      <c r="F44" s="18">
        <v>551191</v>
      </c>
      <c r="G44" s="18">
        <v>0</v>
      </c>
      <c r="H44" s="18">
        <v>551191</v>
      </c>
      <c r="I44" s="18">
        <v>266874</v>
      </c>
      <c r="J44" s="18">
        <v>0</v>
      </c>
      <c r="K44" s="36">
        <v>284317</v>
      </c>
    </row>
    <row r="45" spans="1:11" ht="16.95" customHeight="1" x14ac:dyDescent="0.3">
      <c r="A45" s="17" t="s">
        <v>187</v>
      </c>
      <c r="B45" s="33" t="s">
        <v>1</v>
      </c>
      <c r="C45" s="33" t="s">
        <v>1</v>
      </c>
      <c r="D45" s="33" t="s">
        <v>1</v>
      </c>
      <c r="E45" s="33" t="s">
        <v>1</v>
      </c>
      <c r="F45" s="33" t="s">
        <v>1</v>
      </c>
      <c r="G45" s="33" t="s">
        <v>1</v>
      </c>
      <c r="H45" s="33" t="s">
        <v>1</v>
      </c>
      <c r="I45" s="33" t="s">
        <v>1</v>
      </c>
      <c r="J45" s="33" t="s">
        <v>1</v>
      </c>
      <c r="K45" s="34" t="s">
        <v>1</v>
      </c>
    </row>
    <row r="46" spans="1:11" x14ac:dyDescent="0.3">
      <c r="A46" s="35" t="s">
        <v>188</v>
      </c>
      <c r="B46" s="33"/>
      <c r="C46" s="33"/>
      <c r="D46" s="33"/>
      <c r="E46" s="33"/>
      <c r="F46" s="18">
        <v>703848</v>
      </c>
      <c r="G46" s="18">
        <v>312462</v>
      </c>
      <c r="H46" s="18">
        <v>391386</v>
      </c>
      <c r="I46" s="33"/>
      <c r="J46" s="33"/>
      <c r="K46" s="34"/>
    </row>
    <row r="47" spans="1:11" x14ac:dyDescent="0.3">
      <c r="A47" s="35" t="s">
        <v>189</v>
      </c>
      <c r="B47" s="33"/>
      <c r="C47" s="33"/>
      <c r="D47" s="33"/>
      <c r="E47" s="33"/>
      <c r="F47" s="18">
        <v>0</v>
      </c>
      <c r="G47" s="18">
        <v>0</v>
      </c>
      <c r="H47" s="18">
        <v>0</v>
      </c>
      <c r="I47" s="33"/>
      <c r="J47" s="33"/>
      <c r="K47" s="34"/>
    </row>
    <row r="48" spans="1:11" x14ac:dyDescent="0.3">
      <c r="A48" s="35" t="s">
        <v>190</v>
      </c>
      <c r="B48" s="33"/>
      <c r="C48" s="33"/>
      <c r="D48" s="33"/>
      <c r="E48" s="33"/>
      <c r="F48" s="18">
        <v>31242181</v>
      </c>
      <c r="G48" s="18">
        <v>484514</v>
      </c>
      <c r="H48" s="18">
        <v>30757667</v>
      </c>
      <c r="I48" s="33"/>
      <c r="J48" s="33"/>
      <c r="K48" s="34"/>
    </row>
    <row r="49" spans="1:11" x14ac:dyDescent="0.3">
      <c r="A49" s="35" t="s">
        <v>191</v>
      </c>
      <c r="B49" s="33"/>
      <c r="C49" s="33"/>
      <c r="D49" s="33"/>
      <c r="E49" s="33"/>
      <c r="F49" s="18">
        <v>31242181</v>
      </c>
      <c r="G49" s="18">
        <v>484514</v>
      </c>
      <c r="H49" s="18">
        <v>30757667</v>
      </c>
      <c r="I49" s="33"/>
      <c r="J49" s="33"/>
      <c r="K49" s="34"/>
    </row>
    <row r="50" spans="1:11" ht="16.95" customHeight="1" x14ac:dyDescent="0.3">
      <c r="A50" s="17" t="s">
        <v>192</v>
      </c>
      <c r="B50" s="33" t="s">
        <v>1</v>
      </c>
      <c r="C50" s="33" t="s">
        <v>1</v>
      </c>
      <c r="D50" s="33" t="s">
        <v>1</v>
      </c>
      <c r="E50" s="33" t="s">
        <v>1</v>
      </c>
      <c r="F50" s="33" t="s">
        <v>1</v>
      </c>
      <c r="G50" s="33" t="s">
        <v>1</v>
      </c>
      <c r="H50" s="33" t="s">
        <v>1</v>
      </c>
      <c r="I50" s="33" t="s">
        <v>1</v>
      </c>
      <c r="J50" s="33" t="s">
        <v>1</v>
      </c>
      <c r="K50" s="34" t="s">
        <v>1</v>
      </c>
    </row>
    <row r="51" spans="1:11" x14ac:dyDescent="0.3">
      <c r="A51" s="17" t="s">
        <v>193</v>
      </c>
      <c r="B51" s="33" t="s">
        <v>1</v>
      </c>
      <c r="C51" s="33" t="s">
        <v>1</v>
      </c>
      <c r="D51" s="33" t="s">
        <v>1</v>
      </c>
      <c r="E51" s="33" t="s">
        <v>1</v>
      </c>
      <c r="F51" s="33" t="s">
        <v>1</v>
      </c>
      <c r="G51" s="33" t="s">
        <v>1</v>
      </c>
      <c r="H51" s="33" t="s">
        <v>1</v>
      </c>
      <c r="I51" s="33" t="s">
        <v>1</v>
      </c>
      <c r="J51" s="33" t="s">
        <v>1</v>
      </c>
      <c r="K51" s="34" t="s">
        <v>1</v>
      </c>
    </row>
    <row r="52" spans="1:11" ht="26.4" x14ac:dyDescent="0.3">
      <c r="A52" s="35" t="s">
        <v>194</v>
      </c>
      <c r="B52" s="33"/>
      <c r="C52" s="33"/>
      <c r="D52" s="33"/>
      <c r="E52" s="33"/>
      <c r="F52" s="18">
        <v>0</v>
      </c>
      <c r="G52" s="33"/>
      <c r="H52" s="33"/>
      <c r="I52" s="33"/>
      <c r="J52" s="33"/>
      <c r="K52" s="34"/>
    </row>
    <row r="53" spans="1:11" x14ac:dyDescent="0.3">
      <c r="A53" s="35" t="s">
        <v>195</v>
      </c>
      <c r="B53" s="33"/>
      <c r="C53" s="33"/>
      <c r="D53" s="33"/>
      <c r="E53" s="33"/>
      <c r="F53" s="18">
        <v>0</v>
      </c>
      <c r="G53" s="33"/>
      <c r="H53" s="33"/>
      <c r="I53" s="33"/>
      <c r="J53" s="33"/>
      <c r="K53" s="34"/>
    </row>
  </sheetData>
  <mergeCells count="7">
    <mergeCell ref="C5:E5"/>
    <mergeCell ref="B1:D1"/>
    <mergeCell ref="E1:G1"/>
    <mergeCell ref="B2:D2"/>
    <mergeCell ref="E2:G2"/>
    <mergeCell ref="B3:D3"/>
    <mergeCell ref="E3:G3"/>
  </mergeCells>
  <pageMargins left="0.98425196850393704" right="0.98425196850393704" top="0.98425196850393704" bottom="0.98425196850393704" header="0.98425196850393704" footer="0.98425196850393704"/>
  <pageSetup paperSize="9" orientation="portrait" horizontalDpi="300" verticalDpi="300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Pages>0</Pages>
  <Words>0</Words>
  <Characters>0</Characters>
  <Application>Microsoft Excel</Application>
  <DocSecurity>0</DocSecurity>
  <Lines>0</Lines>
  <Paragraphs>0</Paragraphs>
  <Slides>0</Slides>
  <Notes>0</Notes>
  <HiddenSlides>0</HiddenSlides>
  <MMClips>0</MMClips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S251Outturn202223_TAReport</vt:lpstr>
      <vt:lpstr>869_TableA1</vt:lpstr>
    </vt:vector>
  </TitlesOfParts>
  <LinksUpToDate>false</LinksUpToDate>
  <CharactersWithSpaces>0</CharactersWithSpaces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isa Potts</dc:creator>
  <cp:lastModifiedBy>Lisa Potts</cp:lastModifiedBy>
  <dcterms:created xsi:type="dcterms:W3CDTF">2023-10-29T21:49:57Z</dcterms:created>
  <dcterms:modified xsi:type="dcterms:W3CDTF">2025-01-10T13:53:49Z</dcterms:modified>
</cp:coreProperties>
</file>

<file path=docProps/core0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/>
</file>